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drawings/drawing4.xml" ContentType="application/vnd.openxmlformats-officedocument.drawing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drawings/drawing5.xml" ContentType="application/vnd.openxmlformats-officedocument.drawing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drawings/drawing6.xml" ContentType="application/vnd.openxmlformats-officedocument.drawing+xml"/>
  <Override PartName="/xl/charts/chart11.xml" ContentType="application/vnd.openxmlformats-officedocument.drawingml.chart+xml"/>
  <Override PartName="/xl/charts/chart12.xml" ContentType="application/vnd.openxmlformats-officedocument.drawingml.chart+xml"/>
  <Override PartName="/xl/drawings/drawing7.xml" ContentType="application/vnd.openxmlformats-officedocument.drawing+xml"/>
  <Override PartName="/xl/charts/chart13.xml" ContentType="application/vnd.openxmlformats-officedocument.drawingml.chart+xml"/>
  <Override PartName="/xl/charts/chart14.xml" ContentType="application/vnd.openxmlformats-officedocument.drawingml.chart+xml"/>
  <Override PartName="/xl/drawings/drawing8.xml" ContentType="application/vnd.openxmlformats-officedocument.drawing+xml"/>
  <Override PartName="/xl/charts/chart15.xml" ContentType="application/vnd.openxmlformats-officedocument.drawingml.chart+xml"/>
  <Override PartName="/xl/charts/chart16.xml" ContentType="application/vnd.openxmlformats-officedocument.drawingml.chart+xml"/>
  <Override PartName="/xl/drawings/drawing9.xml" ContentType="application/vnd.openxmlformats-officedocument.drawing+xml"/>
  <Override PartName="/xl/charts/chart17.xml" ContentType="application/vnd.openxmlformats-officedocument.drawingml.chart+xml"/>
  <Override PartName="/xl/charts/chart18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E47E0F17-E8EE-437B-A8F7-1B92729CB41C}" xr6:coauthVersionLast="47" xr6:coauthVersionMax="47" xr10:uidLastSave="{00000000-0000-0000-0000-000000000000}"/>
  <bookViews>
    <workbookView xWindow="-108" yWindow="-108" windowWidth="23256" windowHeight="12576" xr2:uid="{5B150ACD-7186-4F95-8CD3-3FF43DC8E3B9}"/>
  </bookViews>
  <sheets>
    <sheet name="０４０１速星" sheetId="1" r:id="rId1"/>
    <sheet name="０４０２鵜坂" sheetId="2" r:id="rId2"/>
    <sheet name="０４０３朝日" sheetId="3" r:id="rId3"/>
    <sheet name="０４０４宮川" sheetId="4" r:id="rId4"/>
    <sheet name="０４０５婦中熊野" sheetId="5" r:id="rId5"/>
    <sheet name="０４０６古里" sheetId="6" r:id="rId6"/>
    <sheet name="０４０７音川" sheetId="7" r:id="rId7"/>
    <sheet name="０４０８神保" sheetId="8" r:id="rId8"/>
    <sheet name="婦中地域計" sheetId="9" r:id="rId9"/>
  </sheets>
  <externalReferences>
    <externalReference r:id="rId10"/>
  </externalReferences>
  <definedNames>
    <definedName name="_xlnm.Print_Area" localSheetId="0">'０４０１速星'!$A$1:$Q$167</definedName>
    <definedName name="_xlnm.Print_Area" localSheetId="1">'０４０２鵜坂'!$A$1:$Q$167</definedName>
    <definedName name="_xlnm.Print_Area" localSheetId="2">'０４０３朝日'!$A$1:$Q$167</definedName>
    <definedName name="_xlnm.Print_Area" localSheetId="3">'０４０４宮川'!$A$1:$Q$167</definedName>
    <definedName name="_xlnm.Print_Area" localSheetId="4">'０４０５婦中熊野'!$A$1:$Q$167</definedName>
    <definedName name="_xlnm.Print_Area" localSheetId="5">'０４０６古里'!$A$1:$Q$167</definedName>
    <definedName name="_xlnm.Print_Area" localSheetId="6">'０４０７音川'!$A$1:$Q$167</definedName>
    <definedName name="_xlnm.Print_Area" localSheetId="7">'０４０８神保'!$A$1:$Q$167</definedName>
    <definedName name="_xlnm.Print_Area" localSheetId="8">婦中地域計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166" i="9" l="1"/>
  <c r="Q164" i="9"/>
  <c r="Q159" i="9"/>
  <c r="Q165" i="9" s="1"/>
  <c r="P158" i="9"/>
  <c r="O158" i="9"/>
  <c r="N158" i="9"/>
  <c r="M158" i="9"/>
  <c r="L158" i="9"/>
  <c r="K158" i="9"/>
  <c r="J158" i="9"/>
  <c r="I158" i="9"/>
  <c r="H158" i="9"/>
  <c r="G158" i="9"/>
  <c r="P157" i="9"/>
  <c r="P165" i="9" s="1"/>
  <c r="O157" i="9"/>
  <c r="N157" i="9"/>
  <c r="M157" i="9"/>
  <c r="M165" i="9" s="1"/>
  <c r="L157" i="9"/>
  <c r="L165" i="9" s="1"/>
  <c r="K157" i="9"/>
  <c r="J157" i="9"/>
  <c r="I157" i="9"/>
  <c r="I165" i="9" s="1"/>
  <c r="H157" i="9"/>
  <c r="H165" i="9" s="1"/>
  <c r="G157" i="9"/>
  <c r="P156" i="9"/>
  <c r="P159" i="9" s="1"/>
  <c r="O156" i="9"/>
  <c r="O159" i="9" s="1"/>
  <c r="N156" i="9"/>
  <c r="N159" i="9" s="1"/>
  <c r="M156" i="9"/>
  <c r="M159" i="9" s="1"/>
  <c r="L156" i="9"/>
  <c r="L159" i="9" s="1"/>
  <c r="K156" i="9"/>
  <c r="K159" i="9" s="1"/>
  <c r="J156" i="9"/>
  <c r="J159" i="9" s="1"/>
  <c r="I156" i="9"/>
  <c r="I159" i="9" s="1"/>
  <c r="H156" i="9"/>
  <c r="H159" i="9" s="1"/>
  <c r="G156" i="9"/>
  <c r="G159" i="9" s="1"/>
  <c r="Q151" i="9"/>
  <c r="P151" i="9"/>
  <c r="O151" i="9"/>
  <c r="N151" i="9"/>
  <c r="M151" i="9"/>
  <c r="L151" i="9"/>
  <c r="K151" i="9"/>
  <c r="J151" i="9"/>
  <c r="I151" i="9"/>
  <c r="H151" i="9"/>
  <c r="G151" i="9"/>
  <c r="Q113" i="9"/>
  <c r="Q119" i="9" s="1"/>
  <c r="P112" i="9"/>
  <c r="O112" i="9"/>
  <c r="N112" i="9"/>
  <c r="M112" i="9"/>
  <c r="L112" i="9"/>
  <c r="K112" i="9"/>
  <c r="J112" i="9"/>
  <c r="I112" i="9"/>
  <c r="H112" i="9"/>
  <c r="G112" i="9"/>
  <c r="P111" i="9"/>
  <c r="O111" i="9"/>
  <c r="O119" i="9" s="1"/>
  <c r="N111" i="9"/>
  <c r="N119" i="9" s="1"/>
  <c r="M111" i="9"/>
  <c r="L111" i="9"/>
  <c r="K111" i="9"/>
  <c r="K119" i="9" s="1"/>
  <c r="J111" i="9"/>
  <c r="J119" i="9" s="1"/>
  <c r="I111" i="9"/>
  <c r="H111" i="9"/>
  <c r="G111" i="9"/>
  <c r="G119" i="9" s="1"/>
  <c r="P110" i="9"/>
  <c r="P113" i="9" s="1"/>
  <c r="O110" i="9"/>
  <c r="O113" i="9" s="1"/>
  <c r="N110" i="9"/>
  <c r="N113" i="9" s="1"/>
  <c r="M110" i="9"/>
  <c r="M113" i="9" s="1"/>
  <c r="L110" i="9"/>
  <c r="L113" i="9" s="1"/>
  <c r="K110" i="9"/>
  <c r="K113" i="9" s="1"/>
  <c r="J110" i="9"/>
  <c r="J113" i="9" s="1"/>
  <c r="I110" i="9"/>
  <c r="I113" i="9" s="1"/>
  <c r="H110" i="9"/>
  <c r="H113" i="9" s="1"/>
  <c r="G110" i="9"/>
  <c r="G113" i="9" s="1"/>
  <c r="Q105" i="9"/>
  <c r="P105" i="9"/>
  <c r="O105" i="9"/>
  <c r="N105" i="9"/>
  <c r="M105" i="9"/>
  <c r="L105" i="9"/>
  <c r="K105" i="9"/>
  <c r="J105" i="9"/>
  <c r="I105" i="9"/>
  <c r="H105" i="9"/>
  <c r="G105" i="9"/>
  <c r="Q25" i="9"/>
  <c r="P25" i="9"/>
  <c r="O25" i="9"/>
  <c r="N25" i="9"/>
  <c r="M25" i="9"/>
  <c r="L25" i="9"/>
  <c r="K25" i="9"/>
  <c r="J25" i="9"/>
  <c r="I25" i="9"/>
  <c r="H25" i="9"/>
  <c r="G25" i="9"/>
  <c r="Q24" i="9"/>
  <c r="P24" i="9"/>
  <c r="O24" i="9"/>
  <c r="N24" i="9"/>
  <c r="M24" i="9"/>
  <c r="L24" i="9"/>
  <c r="K24" i="9"/>
  <c r="J24" i="9"/>
  <c r="I24" i="9"/>
  <c r="H24" i="9"/>
  <c r="G24" i="9"/>
  <c r="Q23" i="9"/>
  <c r="P23" i="9"/>
  <c r="O23" i="9"/>
  <c r="N23" i="9"/>
  <c r="M23" i="9"/>
  <c r="L23" i="9"/>
  <c r="K23" i="9"/>
  <c r="J23" i="9"/>
  <c r="I23" i="9"/>
  <c r="H23" i="9"/>
  <c r="G23" i="9"/>
  <c r="Q22" i="9"/>
  <c r="P22" i="9"/>
  <c r="O22" i="9"/>
  <c r="N22" i="9"/>
  <c r="M22" i="9"/>
  <c r="L22" i="9"/>
  <c r="K22" i="9"/>
  <c r="J22" i="9"/>
  <c r="I22" i="9"/>
  <c r="H22" i="9"/>
  <c r="G22" i="9"/>
  <c r="Q21" i="9"/>
  <c r="P21" i="9"/>
  <c r="O21" i="9"/>
  <c r="N21" i="9"/>
  <c r="M21" i="9"/>
  <c r="L21" i="9"/>
  <c r="K21" i="9"/>
  <c r="J21" i="9"/>
  <c r="I21" i="9"/>
  <c r="H21" i="9"/>
  <c r="G21" i="9"/>
  <c r="Q20" i="9"/>
  <c r="P20" i="9"/>
  <c r="O20" i="9"/>
  <c r="N20" i="9"/>
  <c r="M20" i="9"/>
  <c r="L20" i="9"/>
  <c r="K20" i="9"/>
  <c r="J20" i="9"/>
  <c r="I20" i="9"/>
  <c r="H20" i="9"/>
  <c r="G20" i="9"/>
  <c r="Q19" i="9"/>
  <c r="P19" i="9"/>
  <c r="O19" i="9"/>
  <c r="O33" i="9" s="1"/>
  <c r="N19" i="9"/>
  <c r="M19" i="9"/>
  <c r="L19" i="9"/>
  <c r="K19" i="9"/>
  <c r="K33" i="9" s="1"/>
  <c r="J19" i="9"/>
  <c r="I19" i="9"/>
  <c r="H19" i="9"/>
  <c r="G19" i="9"/>
  <c r="G33" i="9" s="1"/>
  <c r="Q18" i="9"/>
  <c r="P18" i="9"/>
  <c r="O18" i="9"/>
  <c r="N18" i="9"/>
  <c r="N33" i="9" s="1"/>
  <c r="M18" i="9"/>
  <c r="L18" i="9"/>
  <c r="K18" i="9"/>
  <c r="J18" i="9"/>
  <c r="J33" i="9" s="1"/>
  <c r="I18" i="9"/>
  <c r="H18" i="9"/>
  <c r="G18" i="9"/>
  <c r="Q17" i="9"/>
  <c r="P17" i="9"/>
  <c r="O17" i="9"/>
  <c r="N17" i="9"/>
  <c r="M17" i="9"/>
  <c r="L17" i="9"/>
  <c r="K17" i="9"/>
  <c r="J17" i="9"/>
  <c r="I17" i="9"/>
  <c r="H17" i="9"/>
  <c r="G17" i="9"/>
  <c r="Q16" i="9"/>
  <c r="P16" i="9"/>
  <c r="O16" i="9"/>
  <c r="N16" i="9"/>
  <c r="M16" i="9"/>
  <c r="L16" i="9"/>
  <c r="K16" i="9"/>
  <c r="J16" i="9"/>
  <c r="I16" i="9"/>
  <c r="H16" i="9"/>
  <c r="G16" i="9"/>
  <c r="Q15" i="9"/>
  <c r="P15" i="9"/>
  <c r="O15" i="9"/>
  <c r="N15" i="9"/>
  <c r="M15" i="9"/>
  <c r="L15" i="9"/>
  <c r="K15" i="9"/>
  <c r="J15" i="9"/>
  <c r="I15" i="9"/>
  <c r="H15" i="9"/>
  <c r="G15" i="9"/>
  <c r="Q14" i="9"/>
  <c r="P14" i="9"/>
  <c r="O14" i="9"/>
  <c r="N14" i="9"/>
  <c r="M14" i="9"/>
  <c r="L14" i="9"/>
  <c r="K14" i="9"/>
  <c r="J14" i="9"/>
  <c r="I14" i="9"/>
  <c r="H14" i="9"/>
  <c r="G14" i="9"/>
  <c r="Q13" i="9"/>
  <c r="P13" i="9"/>
  <c r="O13" i="9"/>
  <c r="N13" i="9"/>
  <c r="M13" i="9"/>
  <c r="L13" i="9"/>
  <c r="K13" i="9"/>
  <c r="J13" i="9"/>
  <c r="I13" i="9"/>
  <c r="H13" i="9"/>
  <c r="G13" i="9"/>
  <c r="Q12" i="9"/>
  <c r="P12" i="9"/>
  <c r="O12" i="9"/>
  <c r="N12" i="9"/>
  <c r="M12" i="9"/>
  <c r="L12" i="9"/>
  <c r="K12" i="9"/>
  <c r="J12" i="9"/>
  <c r="I12" i="9"/>
  <c r="H12" i="9"/>
  <c r="G12" i="9"/>
  <c r="Q11" i="9"/>
  <c r="P11" i="9"/>
  <c r="O11" i="9"/>
  <c r="N11" i="9"/>
  <c r="M11" i="9"/>
  <c r="L11" i="9"/>
  <c r="K11" i="9"/>
  <c r="J11" i="9"/>
  <c r="I11" i="9"/>
  <c r="H11" i="9"/>
  <c r="G11" i="9"/>
  <c r="Q10" i="9"/>
  <c r="P10" i="9"/>
  <c r="O10" i="9"/>
  <c r="N10" i="9"/>
  <c r="M10" i="9"/>
  <c r="L10" i="9"/>
  <c r="K10" i="9"/>
  <c r="J10" i="9"/>
  <c r="I10" i="9"/>
  <c r="H10" i="9"/>
  <c r="G10" i="9"/>
  <c r="Q9" i="9"/>
  <c r="P9" i="9"/>
  <c r="O9" i="9"/>
  <c r="N9" i="9"/>
  <c r="M9" i="9"/>
  <c r="L9" i="9"/>
  <c r="K9" i="9"/>
  <c r="J9" i="9"/>
  <c r="I9" i="9"/>
  <c r="H9" i="9"/>
  <c r="G9" i="9"/>
  <c r="Q8" i="9"/>
  <c r="P8" i="9"/>
  <c r="P32" i="9" s="1"/>
  <c r="O8" i="9"/>
  <c r="N8" i="9"/>
  <c r="M8" i="9"/>
  <c r="L8" i="9"/>
  <c r="L32" i="9" s="1"/>
  <c r="K8" i="9"/>
  <c r="J8" i="9"/>
  <c r="I8" i="9"/>
  <c r="H8" i="9"/>
  <c r="H32" i="9" s="1"/>
  <c r="G8" i="9"/>
  <c r="Q7" i="9"/>
  <c r="P7" i="9"/>
  <c r="O7" i="9"/>
  <c r="N7" i="9"/>
  <c r="M7" i="9"/>
  <c r="L7" i="9"/>
  <c r="K7" i="9"/>
  <c r="J7" i="9"/>
  <c r="I7" i="9"/>
  <c r="H7" i="9"/>
  <c r="G7" i="9"/>
  <c r="Q6" i="9"/>
  <c r="P6" i="9"/>
  <c r="O6" i="9"/>
  <c r="N6" i="9"/>
  <c r="N26" i="9" s="1"/>
  <c r="M6" i="9"/>
  <c r="L6" i="9"/>
  <c r="K6" i="9"/>
  <c r="J6" i="9"/>
  <c r="J26" i="9" s="1"/>
  <c r="I6" i="9"/>
  <c r="H6" i="9"/>
  <c r="H26" i="9" s="1"/>
  <c r="G6" i="9"/>
  <c r="Q5" i="9"/>
  <c r="P5" i="9"/>
  <c r="P31" i="9" s="1"/>
  <c r="O5" i="9"/>
  <c r="N5" i="9"/>
  <c r="M5" i="9"/>
  <c r="L5" i="9"/>
  <c r="L31" i="9" s="1"/>
  <c r="K5" i="9"/>
  <c r="J5" i="9"/>
  <c r="I5" i="9"/>
  <c r="H5" i="9"/>
  <c r="H31" i="9" s="1"/>
  <c r="G5" i="9"/>
  <c r="N166" i="8"/>
  <c r="J166" i="8"/>
  <c r="Q165" i="8"/>
  <c r="L164" i="8"/>
  <c r="J164" i="8"/>
  <c r="Q159" i="8"/>
  <c r="P158" i="8"/>
  <c r="O158" i="8"/>
  <c r="N158" i="8"/>
  <c r="M158" i="8"/>
  <c r="L158" i="8"/>
  <c r="K158" i="8"/>
  <c r="J158" i="8"/>
  <c r="I158" i="8"/>
  <c r="H158" i="8"/>
  <c r="G158" i="8"/>
  <c r="P157" i="8"/>
  <c r="O157" i="8"/>
  <c r="O159" i="8" s="1"/>
  <c r="N157" i="8"/>
  <c r="N165" i="8" s="1"/>
  <c r="M157" i="8"/>
  <c r="L157" i="8"/>
  <c r="K157" i="8"/>
  <c r="J157" i="8"/>
  <c r="J165" i="8" s="1"/>
  <c r="I157" i="8"/>
  <c r="H157" i="8"/>
  <c r="G157" i="8"/>
  <c r="G159" i="8" s="1"/>
  <c r="P156" i="8"/>
  <c r="P159" i="8" s="1"/>
  <c r="P164" i="8" s="1"/>
  <c r="O156" i="8"/>
  <c r="N156" i="8"/>
  <c r="N159" i="8" s="1"/>
  <c r="N164" i="8" s="1"/>
  <c r="M156" i="8"/>
  <c r="M159" i="8" s="1"/>
  <c r="L156" i="8"/>
  <c r="L159" i="8" s="1"/>
  <c r="L166" i="8" s="1"/>
  <c r="K156" i="8"/>
  <c r="J156" i="8"/>
  <c r="J159" i="8" s="1"/>
  <c r="I156" i="8"/>
  <c r="I159" i="8" s="1"/>
  <c r="I165" i="8" s="1"/>
  <c r="H156" i="8"/>
  <c r="H159" i="8" s="1"/>
  <c r="H164" i="8" s="1"/>
  <c r="G156" i="8"/>
  <c r="Q151" i="8"/>
  <c r="P151" i="8"/>
  <c r="O151" i="8"/>
  <c r="N151" i="8"/>
  <c r="M151" i="8"/>
  <c r="L151" i="8"/>
  <c r="K151" i="8"/>
  <c r="J151" i="8"/>
  <c r="I151" i="8"/>
  <c r="H151" i="8"/>
  <c r="G151" i="8"/>
  <c r="Q120" i="8"/>
  <c r="Q118" i="8"/>
  <c r="K118" i="8"/>
  <c r="Q113" i="8"/>
  <c r="Q119" i="8" s="1"/>
  <c r="P113" i="8"/>
  <c r="P119" i="8" s="1"/>
  <c r="H113" i="8"/>
  <c r="H119" i="8" s="1"/>
  <c r="P112" i="8"/>
  <c r="O112" i="8"/>
  <c r="N112" i="8"/>
  <c r="M112" i="8"/>
  <c r="L112" i="8"/>
  <c r="K112" i="8"/>
  <c r="J112" i="8"/>
  <c r="I112" i="8"/>
  <c r="H112" i="8"/>
  <c r="G112" i="8"/>
  <c r="P111" i="8"/>
  <c r="O111" i="8"/>
  <c r="O119" i="8" s="1"/>
  <c r="N111" i="8"/>
  <c r="M111" i="8"/>
  <c r="L111" i="8"/>
  <c r="K111" i="8"/>
  <c r="K119" i="8" s="1"/>
  <c r="J111" i="8"/>
  <c r="I111" i="8"/>
  <c r="H111" i="8"/>
  <c r="G111" i="8"/>
  <c r="G119" i="8" s="1"/>
  <c r="P110" i="8"/>
  <c r="O110" i="8"/>
  <c r="O113" i="8" s="1"/>
  <c r="O118" i="8" s="1"/>
  <c r="N110" i="8"/>
  <c r="M110" i="8"/>
  <c r="M113" i="8" s="1"/>
  <c r="M120" i="8" s="1"/>
  <c r="L110" i="8"/>
  <c r="L113" i="8" s="1"/>
  <c r="L119" i="8" s="1"/>
  <c r="K110" i="8"/>
  <c r="K113" i="8" s="1"/>
  <c r="K120" i="8" s="1"/>
  <c r="J110" i="8"/>
  <c r="I110" i="8"/>
  <c r="I113" i="8" s="1"/>
  <c r="I118" i="8" s="1"/>
  <c r="H110" i="8"/>
  <c r="G110" i="8"/>
  <c r="G113" i="8" s="1"/>
  <c r="G118" i="8" s="1"/>
  <c r="Q105" i="8"/>
  <c r="P105" i="8"/>
  <c r="O105" i="8"/>
  <c r="N105" i="8"/>
  <c r="M105" i="8"/>
  <c r="L105" i="8"/>
  <c r="K105" i="8"/>
  <c r="J105" i="8"/>
  <c r="I105" i="8"/>
  <c r="H105" i="8"/>
  <c r="G105" i="8"/>
  <c r="Q25" i="8"/>
  <c r="P25" i="8"/>
  <c r="O25" i="8"/>
  <c r="N25" i="8"/>
  <c r="M25" i="8"/>
  <c r="L25" i="8"/>
  <c r="K25" i="8"/>
  <c r="J25" i="8"/>
  <c r="I25" i="8"/>
  <c r="H25" i="8"/>
  <c r="G25" i="8"/>
  <c r="Q24" i="8"/>
  <c r="P24" i="8"/>
  <c r="O24" i="8"/>
  <c r="N24" i="8"/>
  <c r="M24" i="8"/>
  <c r="L24" i="8"/>
  <c r="K24" i="8"/>
  <c r="J24" i="8"/>
  <c r="I24" i="8"/>
  <c r="H24" i="8"/>
  <c r="G24" i="8"/>
  <c r="Q23" i="8"/>
  <c r="P23" i="8"/>
  <c r="O23" i="8"/>
  <c r="N23" i="8"/>
  <c r="M23" i="8"/>
  <c r="L23" i="8"/>
  <c r="K23" i="8"/>
  <c r="J23" i="8"/>
  <c r="I23" i="8"/>
  <c r="H23" i="8"/>
  <c r="G23" i="8"/>
  <c r="Q22" i="8"/>
  <c r="P22" i="8"/>
  <c r="O22" i="8"/>
  <c r="N22" i="8"/>
  <c r="M22" i="8"/>
  <c r="L22" i="8"/>
  <c r="K22" i="8"/>
  <c r="J22" i="8"/>
  <c r="I22" i="8"/>
  <c r="H22" i="8"/>
  <c r="G22" i="8"/>
  <c r="Q21" i="8"/>
  <c r="P21" i="8"/>
  <c r="P33" i="8" s="1"/>
  <c r="O21" i="8"/>
  <c r="N21" i="8"/>
  <c r="M21" i="8"/>
  <c r="L21" i="8"/>
  <c r="K21" i="8"/>
  <c r="J21" i="8"/>
  <c r="I21" i="8"/>
  <c r="H21" i="8"/>
  <c r="H33" i="8" s="1"/>
  <c r="G21" i="8"/>
  <c r="Q20" i="8"/>
  <c r="P20" i="8"/>
  <c r="O20" i="8"/>
  <c r="N20" i="8"/>
  <c r="M20" i="8"/>
  <c r="L20" i="8"/>
  <c r="K20" i="8"/>
  <c r="J20" i="8"/>
  <c r="I20" i="8"/>
  <c r="H20" i="8"/>
  <c r="G20" i="8"/>
  <c r="Q19" i="8"/>
  <c r="P19" i="8"/>
  <c r="O19" i="8"/>
  <c r="N19" i="8"/>
  <c r="N33" i="8" s="1"/>
  <c r="M19" i="8"/>
  <c r="L19" i="8"/>
  <c r="K19" i="8"/>
  <c r="J19" i="8"/>
  <c r="I19" i="8"/>
  <c r="H19" i="8"/>
  <c r="G19" i="8"/>
  <c r="Q18" i="8"/>
  <c r="Q33" i="8" s="1"/>
  <c r="P18" i="8"/>
  <c r="O18" i="8"/>
  <c r="N18" i="8"/>
  <c r="M18" i="8"/>
  <c r="M33" i="8" s="1"/>
  <c r="L18" i="8"/>
  <c r="L33" i="8" s="1"/>
  <c r="K18" i="8"/>
  <c r="J18" i="8"/>
  <c r="J33" i="8" s="1"/>
  <c r="I18" i="8"/>
  <c r="I33" i="8" s="1"/>
  <c r="H18" i="8"/>
  <c r="G18" i="8"/>
  <c r="Q17" i="8"/>
  <c r="P17" i="8"/>
  <c r="O17" i="8"/>
  <c r="N17" i="8"/>
  <c r="M17" i="8"/>
  <c r="L17" i="8"/>
  <c r="K17" i="8"/>
  <c r="J17" i="8"/>
  <c r="I17" i="8"/>
  <c r="H17" i="8"/>
  <c r="G17" i="8"/>
  <c r="Q16" i="8"/>
  <c r="P16" i="8"/>
  <c r="O16" i="8"/>
  <c r="N16" i="8"/>
  <c r="M16" i="8"/>
  <c r="L16" i="8"/>
  <c r="K16" i="8"/>
  <c r="J16" i="8"/>
  <c r="I16" i="8"/>
  <c r="H16" i="8"/>
  <c r="G16" i="8"/>
  <c r="Q15" i="8"/>
  <c r="P15" i="8"/>
  <c r="O15" i="8"/>
  <c r="N15" i="8"/>
  <c r="M15" i="8"/>
  <c r="L15" i="8"/>
  <c r="K15" i="8"/>
  <c r="J15" i="8"/>
  <c r="I15" i="8"/>
  <c r="H15" i="8"/>
  <c r="G15" i="8"/>
  <c r="Q14" i="8"/>
  <c r="P14" i="8"/>
  <c r="O14" i="8"/>
  <c r="N14" i="8"/>
  <c r="M14" i="8"/>
  <c r="L14" i="8"/>
  <c r="K14" i="8"/>
  <c r="J14" i="8"/>
  <c r="I14" i="8"/>
  <c r="H14" i="8"/>
  <c r="G14" i="8"/>
  <c r="Q13" i="8"/>
  <c r="P13" i="8"/>
  <c r="O13" i="8"/>
  <c r="N13" i="8"/>
  <c r="M13" i="8"/>
  <c r="L13" i="8"/>
  <c r="K13" i="8"/>
  <c r="J13" i="8"/>
  <c r="I13" i="8"/>
  <c r="H13" i="8"/>
  <c r="G13" i="8"/>
  <c r="Q12" i="8"/>
  <c r="P12" i="8"/>
  <c r="O12" i="8"/>
  <c r="N12" i="8"/>
  <c r="M12" i="8"/>
  <c r="L12" i="8"/>
  <c r="K12" i="8"/>
  <c r="J12" i="8"/>
  <c r="I12" i="8"/>
  <c r="H12" i="8"/>
  <c r="G12" i="8"/>
  <c r="Q11" i="8"/>
  <c r="P11" i="8"/>
  <c r="O11" i="8"/>
  <c r="N11" i="8"/>
  <c r="M11" i="8"/>
  <c r="L11" i="8"/>
  <c r="K11" i="8"/>
  <c r="J11" i="8"/>
  <c r="I11" i="8"/>
  <c r="H11" i="8"/>
  <c r="G11" i="8"/>
  <c r="Q10" i="8"/>
  <c r="P10" i="8"/>
  <c r="O10" i="8"/>
  <c r="N10" i="8"/>
  <c r="M10" i="8"/>
  <c r="L10" i="8"/>
  <c r="K10" i="8"/>
  <c r="J10" i="8"/>
  <c r="I10" i="8"/>
  <c r="H10" i="8"/>
  <c r="G10" i="8"/>
  <c r="Q9" i="8"/>
  <c r="P9" i="8"/>
  <c r="O9" i="8"/>
  <c r="N9" i="8"/>
  <c r="M9" i="8"/>
  <c r="L9" i="8"/>
  <c r="K9" i="8"/>
  <c r="J9" i="8"/>
  <c r="I9" i="8"/>
  <c r="H9" i="8"/>
  <c r="G9" i="8"/>
  <c r="Q8" i="8"/>
  <c r="P8" i="8"/>
  <c r="O8" i="8"/>
  <c r="O32" i="8" s="1"/>
  <c r="N8" i="8"/>
  <c r="M8" i="8"/>
  <c r="L8" i="8"/>
  <c r="K8" i="8"/>
  <c r="K32" i="8" s="1"/>
  <c r="J8" i="8"/>
  <c r="I8" i="8"/>
  <c r="H8" i="8"/>
  <c r="G8" i="8"/>
  <c r="G32" i="8" s="1"/>
  <c r="Q7" i="8"/>
  <c r="P7" i="8"/>
  <c r="O7" i="8"/>
  <c r="N7" i="8"/>
  <c r="N31" i="8" s="1"/>
  <c r="M7" i="8"/>
  <c r="L7" i="8"/>
  <c r="K7" i="8"/>
  <c r="J7" i="8"/>
  <c r="I7" i="8"/>
  <c r="H7" i="8"/>
  <c r="G7" i="8"/>
  <c r="Q6" i="8"/>
  <c r="Q26" i="8" s="1"/>
  <c r="P6" i="8"/>
  <c r="O6" i="8"/>
  <c r="N6" i="8"/>
  <c r="M6" i="8"/>
  <c r="M26" i="8" s="1"/>
  <c r="L6" i="8"/>
  <c r="K6" i="8"/>
  <c r="J6" i="8"/>
  <c r="I6" i="8"/>
  <c r="I26" i="8" s="1"/>
  <c r="H6" i="8"/>
  <c r="G6" i="8"/>
  <c r="Q5" i="8"/>
  <c r="P5" i="8"/>
  <c r="O5" i="8"/>
  <c r="O31" i="8" s="1"/>
  <c r="N5" i="8"/>
  <c r="M5" i="8"/>
  <c r="L5" i="8"/>
  <c r="K5" i="8"/>
  <c r="K31" i="8" s="1"/>
  <c r="J5" i="8"/>
  <c r="I5" i="8"/>
  <c r="H5" i="8"/>
  <c r="G5" i="8"/>
  <c r="G31" i="8" s="1"/>
  <c r="Q166" i="7"/>
  <c r="K166" i="7"/>
  <c r="Q165" i="7"/>
  <c r="Q164" i="7"/>
  <c r="M164" i="7"/>
  <c r="Q159" i="7"/>
  <c r="P158" i="7"/>
  <c r="O158" i="7"/>
  <c r="N158" i="7"/>
  <c r="M158" i="7"/>
  <c r="L158" i="7"/>
  <c r="K158" i="7"/>
  <c r="J158" i="7"/>
  <c r="I158" i="7"/>
  <c r="H158" i="7"/>
  <c r="G158" i="7"/>
  <c r="P157" i="7"/>
  <c r="O157" i="7"/>
  <c r="O159" i="7" s="1"/>
  <c r="O164" i="7" s="1"/>
  <c r="N157" i="7"/>
  <c r="M157" i="7"/>
  <c r="L157" i="7"/>
  <c r="K157" i="7"/>
  <c r="K159" i="7" s="1"/>
  <c r="K164" i="7" s="1"/>
  <c r="J157" i="7"/>
  <c r="I157" i="7"/>
  <c r="H157" i="7"/>
  <c r="H159" i="7" s="1"/>
  <c r="H164" i="7" s="1"/>
  <c r="G157" i="7"/>
  <c r="G159" i="7" s="1"/>
  <c r="G164" i="7" s="1"/>
  <c r="P156" i="7"/>
  <c r="O156" i="7"/>
  <c r="N156" i="7"/>
  <c r="M156" i="7"/>
  <c r="M159" i="7" s="1"/>
  <c r="M165" i="7" s="1"/>
  <c r="L156" i="7"/>
  <c r="K156" i="7"/>
  <c r="J156" i="7"/>
  <c r="I156" i="7"/>
  <c r="I159" i="7" s="1"/>
  <c r="I165" i="7" s="1"/>
  <c r="H156" i="7"/>
  <c r="G156" i="7"/>
  <c r="Q151" i="7"/>
  <c r="P151" i="7"/>
  <c r="O151" i="7"/>
  <c r="N151" i="7"/>
  <c r="M151" i="7"/>
  <c r="L151" i="7"/>
  <c r="K151" i="7"/>
  <c r="J151" i="7"/>
  <c r="I151" i="7"/>
  <c r="H151" i="7"/>
  <c r="G151" i="7"/>
  <c r="N119" i="7"/>
  <c r="J119" i="7"/>
  <c r="Q118" i="7"/>
  <c r="J118" i="7"/>
  <c r="Q113" i="7"/>
  <c r="P113" i="7"/>
  <c r="P118" i="7" s="1"/>
  <c r="L113" i="7"/>
  <c r="L118" i="7" s="1"/>
  <c r="H113" i="7"/>
  <c r="H118" i="7" s="1"/>
  <c r="P112" i="7"/>
  <c r="O112" i="7"/>
  <c r="N112" i="7"/>
  <c r="M112" i="7"/>
  <c r="L112" i="7"/>
  <c r="K112" i="7"/>
  <c r="J112" i="7"/>
  <c r="I112" i="7"/>
  <c r="H112" i="7"/>
  <c r="G112" i="7"/>
  <c r="P111" i="7"/>
  <c r="O111" i="7"/>
  <c r="N111" i="7"/>
  <c r="M111" i="7"/>
  <c r="M113" i="7" s="1"/>
  <c r="M118" i="7" s="1"/>
  <c r="L111" i="7"/>
  <c r="K111" i="7"/>
  <c r="J111" i="7"/>
  <c r="I111" i="7"/>
  <c r="I113" i="7" s="1"/>
  <c r="I118" i="7" s="1"/>
  <c r="H111" i="7"/>
  <c r="G111" i="7"/>
  <c r="P110" i="7"/>
  <c r="O110" i="7"/>
  <c r="N110" i="7"/>
  <c r="N113" i="7" s="1"/>
  <c r="M110" i="7"/>
  <c r="L110" i="7"/>
  <c r="K110" i="7"/>
  <c r="J110" i="7"/>
  <c r="J113" i="7" s="1"/>
  <c r="I110" i="7"/>
  <c r="H110" i="7"/>
  <c r="G110" i="7"/>
  <c r="Q105" i="7"/>
  <c r="P105" i="7"/>
  <c r="O105" i="7"/>
  <c r="N105" i="7"/>
  <c r="M105" i="7"/>
  <c r="L105" i="7"/>
  <c r="K105" i="7"/>
  <c r="J105" i="7"/>
  <c r="I105" i="7"/>
  <c r="H105" i="7"/>
  <c r="G105" i="7"/>
  <c r="Q25" i="7"/>
  <c r="P25" i="7"/>
  <c r="O25" i="7"/>
  <c r="N25" i="7"/>
  <c r="M25" i="7"/>
  <c r="L25" i="7"/>
  <c r="K25" i="7"/>
  <c r="J25" i="7"/>
  <c r="I25" i="7"/>
  <c r="H25" i="7"/>
  <c r="G25" i="7"/>
  <c r="Q24" i="7"/>
  <c r="P24" i="7"/>
  <c r="O24" i="7"/>
  <c r="N24" i="7"/>
  <c r="M24" i="7"/>
  <c r="L24" i="7"/>
  <c r="K24" i="7"/>
  <c r="J24" i="7"/>
  <c r="I24" i="7"/>
  <c r="H24" i="7"/>
  <c r="G24" i="7"/>
  <c r="Q23" i="7"/>
  <c r="P23" i="7"/>
  <c r="O23" i="7"/>
  <c r="N23" i="7"/>
  <c r="M23" i="7"/>
  <c r="L23" i="7"/>
  <c r="K23" i="7"/>
  <c r="J23" i="7"/>
  <c r="I23" i="7"/>
  <c r="H23" i="7"/>
  <c r="G23" i="7"/>
  <c r="Q22" i="7"/>
  <c r="P22" i="7"/>
  <c r="O22" i="7"/>
  <c r="N22" i="7"/>
  <c r="M22" i="7"/>
  <c r="L22" i="7"/>
  <c r="K22" i="7"/>
  <c r="J22" i="7"/>
  <c r="I22" i="7"/>
  <c r="H22" i="7"/>
  <c r="G22" i="7"/>
  <c r="Q21" i="7"/>
  <c r="P21" i="7"/>
  <c r="O21" i="7"/>
  <c r="N21" i="7"/>
  <c r="M21" i="7"/>
  <c r="L21" i="7"/>
  <c r="K21" i="7"/>
  <c r="J21" i="7"/>
  <c r="I21" i="7"/>
  <c r="H21" i="7"/>
  <c r="G21" i="7"/>
  <c r="Q20" i="7"/>
  <c r="P20" i="7"/>
  <c r="O20" i="7"/>
  <c r="N20" i="7"/>
  <c r="M20" i="7"/>
  <c r="L20" i="7"/>
  <c r="K20" i="7"/>
  <c r="J20" i="7"/>
  <c r="I20" i="7"/>
  <c r="H20" i="7"/>
  <c r="G20" i="7"/>
  <c r="Q19" i="7"/>
  <c r="P19" i="7"/>
  <c r="O19" i="7"/>
  <c r="N19" i="7"/>
  <c r="M19" i="7"/>
  <c r="L19" i="7"/>
  <c r="K19" i="7"/>
  <c r="K33" i="7" s="1"/>
  <c r="J19" i="7"/>
  <c r="I19" i="7"/>
  <c r="H19" i="7"/>
  <c r="G19" i="7"/>
  <c r="Q18" i="7"/>
  <c r="P18" i="7"/>
  <c r="O18" i="7"/>
  <c r="N18" i="7"/>
  <c r="N33" i="7" s="1"/>
  <c r="M18" i="7"/>
  <c r="L18" i="7"/>
  <c r="K18" i="7"/>
  <c r="J18" i="7"/>
  <c r="J33" i="7" s="1"/>
  <c r="I18" i="7"/>
  <c r="H18" i="7"/>
  <c r="G18" i="7"/>
  <c r="Q17" i="7"/>
  <c r="P17" i="7"/>
  <c r="O17" i="7"/>
  <c r="N17" i="7"/>
  <c r="M17" i="7"/>
  <c r="L17" i="7"/>
  <c r="K17" i="7"/>
  <c r="J17" i="7"/>
  <c r="I17" i="7"/>
  <c r="H17" i="7"/>
  <c r="G17" i="7"/>
  <c r="Q16" i="7"/>
  <c r="P16" i="7"/>
  <c r="O16" i="7"/>
  <c r="N16" i="7"/>
  <c r="M16" i="7"/>
  <c r="L16" i="7"/>
  <c r="K16" i="7"/>
  <c r="J16" i="7"/>
  <c r="I16" i="7"/>
  <c r="H16" i="7"/>
  <c r="G16" i="7"/>
  <c r="Q15" i="7"/>
  <c r="P15" i="7"/>
  <c r="O15" i="7"/>
  <c r="N15" i="7"/>
  <c r="M15" i="7"/>
  <c r="L15" i="7"/>
  <c r="K15" i="7"/>
  <c r="J15" i="7"/>
  <c r="I15" i="7"/>
  <c r="H15" i="7"/>
  <c r="G15" i="7"/>
  <c r="Q14" i="7"/>
  <c r="P14" i="7"/>
  <c r="O14" i="7"/>
  <c r="N14" i="7"/>
  <c r="M14" i="7"/>
  <c r="L14" i="7"/>
  <c r="K14" i="7"/>
  <c r="J14" i="7"/>
  <c r="I14" i="7"/>
  <c r="H14" i="7"/>
  <c r="G14" i="7"/>
  <c r="Q13" i="7"/>
  <c r="P13" i="7"/>
  <c r="O13" i="7"/>
  <c r="N13" i="7"/>
  <c r="M13" i="7"/>
  <c r="L13" i="7"/>
  <c r="K13" i="7"/>
  <c r="J13" i="7"/>
  <c r="I13" i="7"/>
  <c r="H13" i="7"/>
  <c r="G13" i="7"/>
  <c r="Q12" i="7"/>
  <c r="P12" i="7"/>
  <c r="O12" i="7"/>
  <c r="N12" i="7"/>
  <c r="M12" i="7"/>
  <c r="L12" i="7"/>
  <c r="K12" i="7"/>
  <c r="J12" i="7"/>
  <c r="I12" i="7"/>
  <c r="H12" i="7"/>
  <c r="G12" i="7"/>
  <c r="Q11" i="7"/>
  <c r="P11" i="7"/>
  <c r="O11" i="7"/>
  <c r="N11" i="7"/>
  <c r="M11" i="7"/>
  <c r="L11" i="7"/>
  <c r="K11" i="7"/>
  <c r="J11" i="7"/>
  <c r="I11" i="7"/>
  <c r="H11" i="7"/>
  <c r="G11" i="7"/>
  <c r="Q10" i="7"/>
  <c r="P10" i="7"/>
  <c r="O10" i="7"/>
  <c r="N10" i="7"/>
  <c r="M10" i="7"/>
  <c r="L10" i="7"/>
  <c r="K10" i="7"/>
  <c r="J10" i="7"/>
  <c r="I10" i="7"/>
  <c r="H10" i="7"/>
  <c r="G10" i="7"/>
  <c r="Q9" i="7"/>
  <c r="P9" i="7"/>
  <c r="O9" i="7"/>
  <c r="N9" i="7"/>
  <c r="M9" i="7"/>
  <c r="L9" i="7"/>
  <c r="K9" i="7"/>
  <c r="J9" i="7"/>
  <c r="I9" i="7"/>
  <c r="H9" i="7"/>
  <c r="G9" i="7"/>
  <c r="Q8" i="7"/>
  <c r="P8" i="7"/>
  <c r="P32" i="7" s="1"/>
  <c r="O8" i="7"/>
  <c r="N8" i="7"/>
  <c r="M8" i="7"/>
  <c r="L8" i="7"/>
  <c r="L32" i="7" s="1"/>
  <c r="K8" i="7"/>
  <c r="J8" i="7"/>
  <c r="I8" i="7"/>
  <c r="H8" i="7"/>
  <c r="H32" i="7" s="1"/>
  <c r="G8" i="7"/>
  <c r="Q7" i="7"/>
  <c r="P7" i="7"/>
  <c r="O7" i="7"/>
  <c r="N7" i="7"/>
  <c r="M7" i="7"/>
  <c r="L7" i="7"/>
  <c r="K7" i="7"/>
  <c r="J7" i="7"/>
  <c r="I7" i="7"/>
  <c r="H7" i="7"/>
  <c r="G7" i="7"/>
  <c r="Q6" i="7"/>
  <c r="P6" i="7"/>
  <c r="O6" i="7"/>
  <c r="N6" i="7"/>
  <c r="M6" i="7"/>
  <c r="L6" i="7"/>
  <c r="K6" i="7"/>
  <c r="J6" i="7"/>
  <c r="I6" i="7"/>
  <c r="H6" i="7"/>
  <c r="G6" i="7"/>
  <c r="Q5" i="7"/>
  <c r="P5" i="7"/>
  <c r="O5" i="7"/>
  <c r="N5" i="7"/>
  <c r="M5" i="7"/>
  <c r="L5" i="7"/>
  <c r="K5" i="7"/>
  <c r="J5" i="7"/>
  <c r="I5" i="7"/>
  <c r="H5" i="7"/>
  <c r="G5" i="7"/>
  <c r="N166" i="6"/>
  <c r="J166" i="6"/>
  <c r="Q165" i="6"/>
  <c r="P164" i="6"/>
  <c r="L164" i="6"/>
  <c r="H164" i="6"/>
  <c r="Q159" i="6"/>
  <c r="P158" i="6"/>
  <c r="O158" i="6"/>
  <c r="N158" i="6"/>
  <c r="M158" i="6"/>
  <c r="L158" i="6"/>
  <c r="K158" i="6"/>
  <c r="J158" i="6"/>
  <c r="I158" i="6"/>
  <c r="H158" i="6"/>
  <c r="G158" i="6"/>
  <c r="P157" i="6"/>
  <c r="O157" i="6"/>
  <c r="O159" i="6" s="1"/>
  <c r="N157" i="6"/>
  <c r="M157" i="6"/>
  <c r="L157" i="6"/>
  <c r="K157" i="6"/>
  <c r="J157" i="6"/>
  <c r="I157" i="6"/>
  <c r="H157" i="6"/>
  <c r="G157" i="6"/>
  <c r="G159" i="6" s="1"/>
  <c r="P156" i="6"/>
  <c r="P159" i="6" s="1"/>
  <c r="P166" i="6" s="1"/>
  <c r="O156" i="6"/>
  <c r="N156" i="6"/>
  <c r="N159" i="6" s="1"/>
  <c r="N164" i="6" s="1"/>
  <c r="M156" i="6"/>
  <c r="M159" i="6" s="1"/>
  <c r="L156" i="6"/>
  <c r="L159" i="6" s="1"/>
  <c r="L166" i="6" s="1"/>
  <c r="K156" i="6"/>
  <c r="J156" i="6"/>
  <c r="J159" i="6" s="1"/>
  <c r="J164" i="6" s="1"/>
  <c r="I156" i="6"/>
  <c r="H156" i="6"/>
  <c r="H159" i="6" s="1"/>
  <c r="H166" i="6" s="1"/>
  <c r="G156" i="6"/>
  <c r="Q151" i="6"/>
  <c r="P151" i="6"/>
  <c r="O151" i="6"/>
  <c r="N151" i="6"/>
  <c r="M151" i="6"/>
  <c r="L151" i="6"/>
  <c r="K151" i="6"/>
  <c r="J151" i="6"/>
  <c r="I151" i="6"/>
  <c r="H151" i="6"/>
  <c r="G151" i="6"/>
  <c r="Q120" i="6"/>
  <c r="Q118" i="6"/>
  <c r="K118" i="6"/>
  <c r="Q113" i="6"/>
  <c r="Q119" i="6" s="1"/>
  <c r="P113" i="6"/>
  <c r="P119" i="6" s="1"/>
  <c r="L113" i="6"/>
  <c r="L119" i="6" s="1"/>
  <c r="H113" i="6"/>
  <c r="H119" i="6" s="1"/>
  <c r="P112" i="6"/>
  <c r="O112" i="6"/>
  <c r="N112" i="6"/>
  <c r="M112" i="6"/>
  <c r="L112" i="6"/>
  <c r="K112" i="6"/>
  <c r="J112" i="6"/>
  <c r="I112" i="6"/>
  <c r="H112" i="6"/>
  <c r="G112" i="6"/>
  <c r="P111" i="6"/>
  <c r="O111" i="6"/>
  <c r="O119" i="6" s="1"/>
  <c r="N111" i="6"/>
  <c r="M111" i="6"/>
  <c r="L111" i="6"/>
  <c r="K111" i="6"/>
  <c r="K119" i="6" s="1"/>
  <c r="J111" i="6"/>
  <c r="I111" i="6"/>
  <c r="H111" i="6"/>
  <c r="G111" i="6"/>
  <c r="G119" i="6" s="1"/>
  <c r="P110" i="6"/>
  <c r="O110" i="6"/>
  <c r="O113" i="6" s="1"/>
  <c r="O118" i="6" s="1"/>
  <c r="N110" i="6"/>
  <c r="N113" i="6" s="1"/>
  <c r="M110" i="6"/>
  <c r="M113" i="6" s="1"/>
  <c r="M118" i="6" s="1"/>
  <c r="L110" i="6"/>
  <c r="K110" i="6"/>
  <c r="K113" i="6" s="1"/>
  <c r="K120" i="6" s="1"/>
  <c r="J110" i="6"/>
  <c r="I110" i="6"/>
  <c r="I113" i="6" s="1"/>
  <c r="I120" i="6" s="1"/>
  <c r="H110" i="6"/>
  <c r="G110" i="6"/>
  <c r="G113" i="6" s="1"/>
  <c r="G118" i="6" s="1"/>
  <c r="Q105" i="6"/>
  <c r="P105" i="6"/>
  <c r="O105" i="6"/>
  <c r="N105" i="6"/>
  <c r="M105" i="6"/>
  <c r="L105" i="6"/>
  <c r="K105" i="6"/>
  <c r="J105" i="6"/>
  <c r="I105" i="6"/>
  <c r="H105" i="6"/>
  <c r="G105" i="6"/>
  <c r="P33" i="6"/>
  <c r="L33" i="6"/>
  <c r="H33" i="6"/>
  <c r="O32" i="6"/>
  <c r="K32" i="6"/>
  <c r="G32" i="6"/>
  <c r="N31" i="6"/>
  <c r="J31" i="6"/>
  <c r="Q26" i="6"/>
  <c r="M26" i="6"/>
  <c r="I26" i="6"/>
  <c r="Q25" i="6"/>
  <c r="P25" i="6"/>
  <c r="O25" i="6"/>
  <c r="N25" i="6"/>
  <c r="M25" i="6"/>
  <c r="L25" i="6"/>
  <c r="K25" i="6"/>
  <c r="J25" i="6"/>
  <c r="I25" i="6"/>
  <c r="H25" i="6"/>
  <c r="G25" i="6"/>
  <c r="Q24" i="6"/>
  <c r="P24" i="6"/>
  <c r="O24" i="6"/>
  <c r="N24" i="6"/>
  <c r="M24" i="6"/>
  <c r="L24" i="6"/>
  <c r="K24" i="6"/>
  <c r="J24" i="6"/>
  <c r="I24" i="6"/>
  <c r="H24" i="6"/>
  <c r="G24" i="6"/>
  <c r="Q23" i="6"/>
  <c r="P23" i="6"/>
  <c r="O23" i="6"/>
  <c r="N23" i="6"/>
  <c r="M23" i="6"/>
  <c r="L23" i="6"/>
  <c r="K23" i="6"/>
  <c r="J23" i="6"/>
  <c r="I23" i="6"/>
  <c r="H23" i="6"/>
  <c r="G23" i="6"/>
  <c r="Q22" i="6"/>
  <c r="P22" i="6"/>
  <c r="O22" i="6"/>
  <c r="N22" i="6"/>
  <c r="M22" i="6"/>
  <c r="L22" i="6"/>
  <c r="K22" i="6"/>
  <c r="J22" i="6"/>
  <c r="I22" i="6"/>
  <c r="H22" i="6"/>
  <c r="G22" i="6"/>
  <c r="Q21" i="6"/>
  <c r="P21" i="6"/>
  <c r="O21" i="6"/>
  <c r="N21" i="6"/>
  <c r="M21" i="6"/>
  <c r="L21" i="6"/>
  <c r="K21" i="6"/>
  <c r="J21" i="6"/>
  <c r="I21" i="6"/>
  <c r="H21" i="6"/>
  <c r="G21" i="6"/>
  <c r="Q20" i="6"/>
  <c r="P20" i="6"/>
  <c r="O20" i="6"/>
  <c r="N20" i="6"/>
  <c r="M20" i="6"/>
  <c r="L20" i="6"/>
  <c r="K20" i="6"/>
  <c r="J20" i="6"/>
  <c r="I20" i="6"/>
  <c r="H20" i="6"/>
  <c r="G20" i="6"/>
  <c r="Q19" i="6"/>
  <c r="P19" i="6"/>
  <c r="O19" i="6"/>
  <c r="N19" i="6"/>
  <c r="N33" i="6" s="1"/>
  <c r="M19" i="6"/>
  <c r="L19" i="6"/>
  <c r="K19" i="6"/>
  <c r="J19" i="6"/>
  <c r="J33" i="6" s="1"/>
  <c r="I19" i="6"/>
  <c r="H19" i="6"/>
  <c r="G19" i="6"/>
  <c r="Q18" i="6"/>
  <c r="Q33" i="6" s="1"/>
  <c r="P18" i="6"/>
  <c r="O18" i="6"/>
  <c r="O33" i="6" s="1"/>
  <c r="N18" i="6"/>
  <c r="M18" i="6"/>
  <c r="M33" i="6" s="1"/>
  <c r="L18" i="6"/>
  <c r="K18" i="6"/>
  <c r="K33" i="6" s="1"/>
  <c r="J18" i="6"/>
  <c r="I18" i="6"/>
  <c r="I33" i="6" s="1"/>
  <c r="H18" i="6"/>
  <c r="G18" i="6"/>
  <c r="G33" i="6" s="1"/>
  <c r="Q17" i="6"/>
  <c r="P17" i="6"/>
  <c r="O17" i="6"/>
  <c r="N17" i="6"/>
  <c r="M17" i="6"/>
  <c r="L17" i="6"/>
  <c r="K17" i="6"/>
  <c r="J17" i="6"/>
  <c r="I17" i="6"/>
  <c r="H17" i="6"/>
  <c r="G17" i="6"/>
  <c r="Q16" i="6"/>
  <c r="P16" i="6"/>
  <c r="O16" i="6"/>
  <c r="N16" i="6"/>
  <c r="M16" i="6"/>
  <c r="L16" i="6"/>
  <c r="K16" i="6"/>
  <c r="J16" i="6"/>
  <c r="I16" i="6"/>
  <c r="H16" i="6"/>
  <c r="G16" i="6"/>
  <c r="Q15" i="6"/>
  <c r="P15" i="6"/>
  <c r="O15" i="6"/>
  <c r="N15" i="6"/>
  <c r="M15" i="6"/>
  <c r="L15" i="6"/>
  <c r="K15" i="6"/>
  <c r="J15" i="6"/>
  <c r="I15" i="6"/>
  <c r="H15" i="6"/>
  <c r="G15" i="6"/>
  <c r="Q14" i="6"/>
  <c r="P14" i="6"/>
  <c r="O14" i="6"/>
  <c r="N14" i="6"/>
  <c r="M14" i="6"/>
  <c r="L14" i="6"/>
  <c r="K14" i="6"/>
  <c r="J14" i="6"/>
  <c r="I14" i="6"/>
  <c r="H14" i="6"/>
  <c r="G14" i="6"/>
  <c r="Q13" i="6"/>
  <c r="P13" i="6"/>
  <c r="O13" i="6"/>
  <c r="N13" i="6"/>
  <c r="M13" i="6"/>
  <c r="L13" i="6"/>
  <c r="K13" i="6"/>
  <c r="J13" i="6"/>
  <c r="I13" i="6"/>
  <c r="H13" i="6"/>
  <c r="G13" i="6"/>
  <c r="Q12" i="6"/>
  <c r="P12" i="6"/>
  <c r="O12" i="6"/>
  <c r="N12" i="6"/>
  <c r="M12" i="6"/>
  <c r="L12" i="6"/>
  <c r="K12" i="6"/>
  <c r="J12" i="6"/>
  <c r="I12" i="6"/>
  <c r="H12" i="6"/>
  <c r="G12" i="6"/>
  <c r="Q11" i="6"/>
  <c r="P11" i="6"/>
  <c r="O11" i="6"/>
  <c r="N11" i="6"/>
  <c r="M11" i="6"/>
  <c r="L11" i="6"/>
  <c r="K11" i="6"/>
  <c r="J11" i="6"/>
  <c r="I11" i="6"/>
  <c r="H11" i="6"/>
  <c r="G11" i="6"/>
  <c r="Q10" i="6"/>
  <c r="P10" i="6"/>
  <c r="O10" i="6"/>
  <c r="N10" i="6"/>
  <c r="M10" i="6"/>
  <c r="L10" i="6"/>
  <c r="K10" i="6"/>
  <c r="J10" i="6"/>
  <c r="I10" i="6"/>
  <c r="H10" i="6"/>
  <c r="G10" i="6"/>
  <c r="Q9" i="6"/>
  <c r="P9" i="6"/>
  <c r="O9" i="6"/>
  <c r="N9" i="6"/>
  <c r="M9" i="6"/>
  <c r="L9" i="6"/>
  <c r="K9" i="6"/>
  <c r="J9" i="6"/>
  <c r="I9" i="6"/>
  <c r="H9" i="6"/>
  <c r="G9" i="6"/>
  <c r="Q8" i="6"/>
  <c r="Q32" i="6" s="1"/>
  <c r="P8" i="6"/>
  <c r="P32" i="6" s="1"/>
  <c r="O8" i="6"/>
  <c r="N8" i="6"/>
  <c r="N32" i="6" s="1"/>
  <c r="M8" i="6"/>
  <c r="M32" i="6" s="1"/>
  <c r="L8" i="6"/>
  <c r="L32" i="6" s="1"/>
  <c r="K8" i="6"/>
  <c r="J8" i="6"/>
  <c r="J32" i="6" s="1"/>
  <c r="I8" i="6"/>
  <c r="I32" i="6" s="1"/>
  <c r="H8" i="6"/>
  <c r="H32" i="6" s="1"/>
  <c r="G8" i="6"/>
  <c r="Q7" i="6"/>
  <c r="P7" i="6"/>
  <c r="O7" i="6"/>
  <c r="N7" i="6"/>
  <c r="M7" i="6"/>
  <c r="L7" i="6"/>
  <c r="K7" i="6"/>
  <c r="J7" i="6"/>
  <c r="I7" i="6"/>
  <c r="H7" i="6"/>
  <c r="G7" i="6"/>
  <c r="Q6" i="6"/>
  <c r="P6" i="6"/>
  <c r="O6" i="6"/>
  <c r="O26" i="6" s="1"/>
  <c r="N6" i="6"/>
  <c r="M6" i="6"/>
  <c r="L6" i="6"/>
  <c r="K6" i="6"/>
  <c r="K26" i="6" s="1"/>
  <c r="J6" i="6"/>
  <c r="I6" i="6"/>
  <c r="H6" i="6"/>
  <c r="G6" i="6"/>
  <c r="G26" i="6" s="1"/>
  <c r="Q5" i="6"/>
  <c r="Q31" i="6" s="1"/>
  <c r="P5" i="6"/>
  <c r="P26" i="6" s="1"/>
  <c r="O5" i="6"/>
  <c r="O31" i="6" s="1"/>
  <c r="N5" i="6"/>
  <c r="N26" i="6" s="1"/>
  <c r="M5" i="6"/>
  <c r="M31" i="6" s="1"/>
  <c r="L5" i="6"/>
  <c r="L26" i="6" s="1"/>
  <c r="K5" i="6"/>
  <c r="K31" i="6" s="1"/>
  <c r="K34" i="6" s="1"/>
  <c r="J5" i="6"/>
  <c r="J26" i="6" s="1"/>
  <c r="I5" i="6"/>
  <c r="I31" i="6" s="1"/>
  <c r="H5" i="6"/>
  <c r="H26" i="6" s="1"/>
  <c r="G5" i="6"/>
  <c r="G31" i="6" s="1"/>
  <c r="Q166" i="5"/>
  <c r="O166" i="5"/>
  <c r="K166" i="5"/>
  <c r="G166" i="5"/>
  <c r="Q164" i="5"/>
  <c r="M164" i="5"/>
  <c r="I164" i="5"/>
  <c r="Q159" i="5"/>
  <c r="Q165" i="5" s="1"/>
  <c r="P158" i="5"/>
  <c r="O158" i="5"/>
  <c r="N158" i="5"/>
  <c r="M158" i="5"/>
  <c r="L158" i="5"/>
  <c r="K158" i="5"/>
  <c r="J158" i="5"/>
  <c r="I158" i="5"/>
  <c r="I166" i="5" s="1"/>
  <c r="H158" i="5"/>
  <c r="G158" i="5"/>
  <c r="P157" i="5"/>
  <c r="O157" i="5"/>
  <c r="N157" i="5"/>
  <c r="M157" i="5"/>
  <c r="L157" i="5"/>
  <c r="K157" i="5"/>
  <c r="J157" i="5"/>
  <c r="I157" i="5"/>
  <c r="H157" i="5"/>
  <c r="G157" i="5"/>
  <c r="P156" i="5"/>
  <c r="O156" i="5"/>
  <c r="O159" i="5" s="1"/>
  <c r="N156" i="5"/>
  <c r="M156" i="5"/>
  <c r="M159" i="5" s="1"/>
  <c r="M166" i="5" s="1"/>
  <c r="L156" i="5"/>
  <c r="L159" i="5" s="1"/>
  <c r="K156" i="5"/>
  <c r="K159" i="5" s="1"/>
  <c r="J156" i="5"/>
  <c r="I156" i="5"/>
  <c r="I159" i="5" s="1"/>
  <c r="H156" i="5"/>
  <c r="G156" i="5"/>
  <c r="G159" i="5" s="1"/>
  <c r="Q151" i="5"/>
  <c r="P151" i="5"/>
  <c r="O151" i="5"/>
  <c r="N151" i="5"/>
  <c r="M151" i="5"/>
  <c r="L151" i="5"/>
  <c r="K151" i="5"/>
  <c r="J151" i="5"/>
  <c r="I151" i="5"/>
  <c r="H151" i="5"/>
  <c r="G151" i="5"/>
  <c r="Q119" i="5"/>
  <c r="Q113" i="5"/>
  <c r="Q118" i="5" s="1"/>
  <c r="P112" i="5"/>
  <c r="O112" i="5"/>
  <c r="N112" i="5"/>
  <c r="M112" i="5"/>
  <c r="L112" i="5"/>
  <c r="K112" i="5"/>
  <c r="J112" i="5"/>
  <c r="I112" i="5"/>
  <c r="H112" i="5"/>
  <c r="G112" i="5"/>
  <c r="P111" i="5"/>
  <c r="O111" i="5"/>
  <c r="N111" i="5"/>
  <c r="N119" i="5" s="1"/>
  <c r="M111" i="5"/>
  <c r="L111" i="5"/>
  <c r="K111" i="5"/>
  <c r="J111" i="5"/>
  <c r="J119" i="5" s="1"/>
  <c r="I111" i="5"/>
  <c r="H111" i="5"/>
  <c r="G111" i="5"/>
  <c r="P110" i="5"/>
  <c r="P113" i="5" s="1"/>
  <c r="O110" i="5"/>
  <c r="N110" i="5"/>
  <c r="N113" i="5" s="1"/>
  <c r="M110" i="5"/>
  <c r="M113" i="5" s="1"/>
  <c r="M119" i="5" s="1"/>
  <c r="L110" i="5"/>
  <c r="L113" i="5" s="1"/>
  <c r="K110" i="5"/>
  <c r="J110" i="5"/>
  <c r="J113" i="5" s="1"/>
  <c r="I110" i="5"/>
  <c r="I113" i="5" s="1"/>
  <c r="I119" i="5" s="1"/>
  <c r="H110" i="5"/>
  <c r="H113" i="5" s="1"/>
  <c r="G110" i="5"/>
  <c r="Q105" i="5"/>
  <c r="P105" i="5"/>
  <c r="O105" i="5"/>
  <c r="N105" i="5"/>
  <c r="M105" i="5"/>
  <c r="L105" i="5"/>
  <c r="K105" i="5"/>
  <c r="J105" i="5"/>
  <c r="I105" i="5"/>
  <c r="H105" i="5"/>
  <c r="G105" i="5"/>
  <c r="Q25" i="5"/>
  <c r="P25" i="5"/>
  <c r="O25" i="5"/>
  <c r="N25" i="5"/>
  <c r="M25" i="5"/>
  <c r="L25" i="5"/>
  <c r="K25" i="5"/>
  <c r="J25" i="5"/>
  <c r="I25" i="5"/>
  <c r="H25" i="5"/>
  <c r="G25" i="5"/>
  <c r="Q24" i="5"/>
  <c r="P24" i="5"/>
  <c r="O24" i="5"/>
  <c r="N24" i="5"/>
  <c r="M24" i="5"/>
  <c r="L24" i="5"/>
  <c r="K24" i="5"/>
  <c r="J24" i="5"/>
  <c r="I24" i="5"/>
  <c r="H24" i="5"/>
  <c r="G24" i="5"/>
  <c r="Q23" i="5"/>
  <c r="P23" i="5"/>
  <c r="O23" i="5"/>
  <c r="N23" i="5"/>
  <c r="M23" i="5"/>
  <c r="L23" i="5"/>
  <c r="K23" i="5"/>
  <c r="J23" i="5"/>
  <c r="I23" i="5"/>
  <c r="H23" i="5"/>
  <c r="G23" i="5"/>
  <c r="Q22" i="5"/>
  <c r="P22" i="5"/>
  <c r="O22" i="5"/>
  <c r="N22" i="5"/>
  <c r="M22" i="5"/>
  <c r="L22" i="5"/>
  <c r="K22" i="5"/>
  <c r="J22" i="5"/>
  <c r="I22" i="5"/>
  <c r="H22" i="5"/>
  <c r="G22" i="5"/>
  <c r="Q21" i="5"/>
  <c r="P21" i="5"/>
  <c r="O21" i="5"/>
  <c r="O33" i="5" s="1"/>
  <c r="N21" i="5"/>
  <c r="M21" i="5"/>
  <c r="L21" i="5"/>
  <c r="K21" i="5"/>
  <c r="K33" i="5" s="1"/>
  <c r="J21" i="5"/>
  <c r="I21" i="5"/>
  <c r="H21" i="5"/>
  <c r="G21" i="5"/>
  <c r="G33" i="5" s="1"/>
  <c r="Q20" i="5"/>
  <c r="P20" i="5"/>
  <c r="O20" i="5"/>
  <c r="N20" i="5"/>
  <c r="M20" i="5"/>
  <c r="L20" i="5"/>
  <c r="K20" i="5"/>
  <c r="J20" i="5"/>
  <c r="I20" i="5"/>
  <c r="H20" i="5"/>
  <c r="G20" i="5"/>
  <c r="Q19" i="5"/>
  <c r="Q33" i="5" s="1"/>
  <c r="P19" i="5"/>
  <c r="O19" i="5"/>
  <c r="N19" i="5"/>
  <c r="M19" i="5"/>
  <c r="M33" i="5" s="1"/>
  <c r="L19" i="5"/>
  <c r="K19" i="5"/>
  <c r="J19" i="5"/>
  <c r="I19" i="5"/>
  <c r="I33" i="5" s="1"/>
  <c r="H19" i="5"/>
  <c r="G19" i="5"/>
  <c r="Q18" i="5"/>
  <c r="P18" i="5"/>
  <c r="P33" i="5" s="1"/>
  <c r="O18" i="5"/>
  <c r="N18" i="5"/>
  <c r="N33" i="5" s="1"/>
  <c r="M18" i="5"/>
  <c r="L18" i="5"/>
  <c r="L33" i="5" s="1"/>
  <c r="K18" i="5"/>
  <c r="J18" i="5"/>
  <c r="J33" i="5" s="1"/>
  <c r="I18" i="5"/>
  <c r="H18" i="5"/>
  <c r="H33" i="5" s="1"/>
  <c r="G18" i="5"/>
  <c r="Q17" i="5"/>
  <c r="P17" i="5"/>
  <c r="O17" i="5"/>
  <c r="N17" i="5"/>
  <c r="M17" i="5"/>
  <c r="L17" i="5"/>
  <c r="K17" i="5"/>
  <c r="J17" i="5"/>
  <c r="I17" i="5"/>
  <c r="H17" i="5"/>
  <c r="G17" i="5"/>
  <c r="Q16" i="5"/>
  <c r="P16" i="5"/>
  <c r="O16" i="5"/>
  <c r="N16" i="5"/>
  <c r="M16" i="5"/>
  <c r="L16" i="5"/>
  <c r="K16" i="5"/>
  <c r="J16" i="5"/>
  <c r="I16" i="5"/>
  <c r="H16" i="5"/>
  <c r="G16" i="5"/>
  <c r="Q15" i="5"/>
  <c r="P15" i="5"/>
  <c r="O15" i="5"/>
  <c r="N15" i="5"/>
  <c r="M15" i="5"/>
  <c r="L15" i="5"/>
  <c r="K15" i="5"/>
  <c r="J15" i="5"/>
  <c r="I15" i="5"/>
  <c r="H15" i="5"/>
  <c r="G15" i="5"/>
  <c r="Q14" i="5"/>
  <c r="P14" i="5"/>
  <c r="O14" i="5"/>
  <c r="N14" i="5"/>
  <c r="M14" i="5"/>
  <c r="L14" i="5"/>
  <c r="K14" i="5"/>
  <c r="J14" i="5"/>
  <c r="I14" i="5"/>
  <c r="H14" i="5"/>
  <c r="G14" i="5"/>
  <c r="Q13" i="5"/>
  <c r="P13" i="5"/>
  <c r="O13" i="5"/>
  <c r="N13" i="5"/>
  <c r="M13" i="5"/>
  <c r="L13" i="5"/>
  <c r="K13" i="5"/>
  <c r="J13" i="5"/>
  <c r="I13" i="5"/>
  <c r="H13" i="5"/>
  <c r="G13" i="5"/>
  <c r="Q12" i="5"/>
  <c r="P12" i="5"/>
  <c r="O12" i="5"/>
  <c r="N12" i="5"/>
  <c r="M12" i="5"/>
  <c r="L12" i="5"/>
  <c r="K12" i="5"/>
  <c r="J12" i="5"/>
  <c r="I12" i="5"/>
  <c r="H12" i="5"/>
  <c r="G12" i="5"/>
  <c r="Q11" i="5"/>
  <c r="P11" i="5"/>
  <c r="O11" i="5"/>
  <c r="N11" i="5"/>
  <c r="M11" i="5"/>
  <c r="L11" i="5"/>
  <c r="K11" i="5"/>
  <c r="J11" i="5"/>
  <c r="I11" i="5"/>
  <c r="H11" i="5"/>
  <c r="G11" i="5"/>
  <c r="Q10" i="5"/>
  <c r="P10" i="5"/>
  <c r="O10" i="5"/>
  <c r="N10" i="5"/>
  <c r="M10" i="5"/>
  <c r="L10" i="5"/>
  <c r="K10" i="5"/>
  <c r="J10" i="5"/>
  <c r="I10" i="5"/>
  <c r="H10" i="5"/>
  <c r="G10" i="5"/>
  <c r="Q9" i="5"/>
  <c r="P9" i="5"/>
  <c r="O9" i="5"/>
  <c r="N9" i="5"/>
  <c r="M9" i="5"/>
  <c r="L9" i="5"/>
  <c r="K9" i="5"/>
  <c r="J9" i="5"/>
  <c r="I9" i="5"/>
  <c r="H9" i="5"/>
  <c r="G9" i="5"/>
  <c r="Q8" i="5"/>
  <c r="Q32" i="5" s="1"/>
  <c r="P8" i="5"/>
  <c r="P32" i="5" s="1"/>
  <c r="O8" i="5"/>
  <c r="O32" i="5" s="1"/>
  <c r="N8" i="5"/>
  <c r="N32" i="5" s="1"/>
  <c r="M8" i="5"/>
  <c r="M32" i="5" s="1"/>
  <c r="L8" i="5"/>
  <c r="L32" i="5" s="1"/>
  <c r="K8" i="5"/>
  <c r="K32" i="5" s="1"/>
  <c r="J8" i="5"/>
  <c r="J32" i="5" s="1"/>
  <c r="I8" i="5"/>
  <c r="I32" i="5" s="1"/>
  <c r="H8" i="5"/>
  <c r="H32" i="5" s="1"/>
  <c r="G8" i="5"/>
  <c r="G32" i="5" s="1"/>
  <c r="Q7" i="5"/>
  <c r="P7" i="5"/>
  <c r="O7" i="5"/>
  <c r="N7" i="5"/>
  <c r="M7" i="5"/>
  <c r="L7" i="5"/>
  <c r="K7" i="5"/>
  <c r="J7" i="5"/>
  <c r="I7" i="5"/>
  <c r="H7" i="5"/>
  <c r="G7" i="5"/>
  <c r="Q6" i="5"/>
  <c r="P6" i="5"/>
  <c r="P26" i="5" s="1"/>
  <c r="O6" i="5"/>
  <c r="N6" i="5"/>
  <c r="N26" i="5" s="1"/>
  <c r="M6" i="5"/>
  <c r="L6" i="5"/>
  <c r="L26" i="5" s="1"/>
  <c r="K6" i="5"/>
  <c r="J6" i="5"/>
  <c r="J26" i="5" s="1"/>
  <c r="I6" i="5"/>
  <c r="H6" i="5"/>
  <c r="H26" i="5" s="1"/>
  <c r="G6" i="5"/>
  <c r="Q5" i="5"/>
  <c r="Q26" i="5" s="1"/>
  <c r="P5" i="5"/>
  <c r="P31" i="5" s="1"/>
  <c r="O5" i="5"/>
  <c r="O31" i="5" s="1"/>
  <c r="N5" i="5"/>
  <c r="N31" i="5" s="1"/>
  <c r="M5" i="5"/>
  <c r="M26" i="5" s="1"/>
  <c r="L5" i="5"/>
  <c r="L31" i="5" s="1"/>
  <c r="K5" i="5"/>
  <c r="K31" i="5" s="1"/>
  <c r="J5" i="5"/>
  <c r="J31" i="5" s="1"/>
  <c r="I5" i="5"/>
  <c r="I26" i="5" s="1"/>
  <c r="H5" i="5"/>
  <c r="H31" i="5" s="1"/>
  <c r="G5" i="5"/>
  <c r="G31" i="5" s="1"/>
  <c r="Q165" i="4"/>
  <c r="Q159" i="4"/>
  <c r="Q164" i="4" s="1"/>
  <c r="O159" i="4"/>
  <c r="K159" i="4"/>
  <c r="P158" i="4"/>
  <c r="O158" i="4"/>
  <c r="O166" i="4" s="1"/>
  <c r="N158" i="4"/>
  <c r="M158" i="4"/>
  <c r="L158" i="4"/>
  <c r="K158" i="4"/>
  <c r="J158" i="4"/>
  <c r="I158" i="4"/>
  <c r="H158" i="4"/>
  <c r="G158" i="4"/>
  <c r="P157" i="4"/>
  <c r="P165" i="4" s="1"/>
  <c r="O157" i="4"/>
  <c r="N157" i="4"/>
  <c r="M157" i="4"/>
  <c r="L157" i="4"/>
  <c r="L165" i="4" s="1"/>
  <c r="K157" i="4"/>
  <c r="J157" i="4"/>
  <c r="I157" i="4"/>
  <c r="H157" i="4"/>
  <c r="G157" i="4"/>
  <c r="P156" i="4"/>
  <c r="P159" i="4" s="1"/>
  <c r="P166" i="4" s="1"/>
  <c r="O156" i="4"/>
  <c r="O164" i="4" s="1"/>
  <c r="N156" i="4"/>
  <c r="N159" i="4" s="1"/>
  <c r="M156" i="4"/>
  <c r="L156" i="4"/>
  <c r="L159" i="4" s="1"/>
  <c r="L166" i="4" s="1"/>
  <c r="K156" i="4"/>
  <c r="J156" i="4"/>
  <c r="J159" i="4" s="1"/>
  <c r="I156" i="4"/>
  <c r="H156" i="4"/>
  <c r="H159" i="4" s="1"/>
  <c r="H166" i="4" s="1"/>
  <c r="G156" i="4"/>
  <c r="Q151" i="4"/>
  <c r="P151" i="4"/>
  <c r="O151" i="4"/>
  <c r="N151" i="4"/>
  <c r="M151" i="4"/>
  <c r="L151" i="4"/>
  <c r="K151" i="4"/>
  <c r="J151" i="4"/>
  <c r="I151" i="4"/>
  <c r="H151" i="4"/>
  <c r="G151" i="4"/>
  <c r="Q120" i="4"/>
  <c r="Q118" i="4"/>
  <c r="Q113" i="4"/>
  <c r="Q119" i="4" s="1"/>
  <c r="P113" i="4"/>
  <c r="P119" i="4" s="1"/>
  <c r="L113" i="4"/>
  <c r="L119" i="4" s="1"/>
  <c r="H113" i="4"/>
  <c r="H119" i="4" s="1"/>
  <c r="P112" i="4"/>
  <c r="O112" i="4"/>
  <c r="N112" i="4"/>
  <c r="M112" i="4"/>
  <c r="L112" i="4"/>
  <c r="K112" i="4"/>
  <c r="J112" i="4"/>
  <c r="I112" i="4"/>
  <c r="H112" i="4"/>
  <c r="G112" i="4"/>
  <c r="P111" i="4"/>
  <c r="O111" i="4"/>
  <c r="N111" i="4"/>
  <c r="M111" i="4"/>
  <c r="L111" i="4"/>
  <c r="K111" i="4"/>
  <c r="J111" i="4"/>
  <c r="I111" i="4"/>
  <c r="H111" i="4"/>
  <c r="G111" i="4"/>
  <c r="P110" i="4"/>
  <c r="O110" i="4"/>
  <c r="O113" i="4" s="1"/>
  <c r="O118" i="4" s="1"/>
  <c r="N110" i="4"/>
  <c r="N113" i="4" s="1"/>
  <c r="M110" i="4"/>
  <c r="M113" i="4" s="1"/>
  <c r="M120" i="4" s="1"/>
  <c r="L110" i="4"/>
  <c r="K110" i="4"/>
  <c r="K113" i="4" s="1"/>
  <c r="K118" i="4" s="1"/>
  <c r="J110" i="4"/>
  <c r="I110" i="4"/>
  <c r="I113" i="4" s="1"/>
  <c r="I120" i="4" s="1"/>
  <c r="H110" i="4"/>
  <c r="G110" i="4"/>
  <c r="G113" i="4" s="1"/>
  <c r="G118" i="4" s="1"/>
  <c r="Q105" i="4"/>
  <c r="P105" i="4"/>
  <c r="O105" i="4"/>
  <c r="N105" i="4"/>
  <c r="M105" i="4"/>
  <c r="L105" i="4"/>
  <c r="K105" i="4"/>
  <c r="J105" i="4"/>
  <c r="I105" i="4"/>
  <c r="H105" i="4"/>
  <c r="G105" i="4"/>
  <c r="P33" i="4"/>
  <c r="L33" i="4"/>
  <c r="H33" i="4"/>
  <c r="O32" i="4"/>
  <c r="K32" i="4"/>
  <c r="K40" i="4" s="1"/>
  <c r="G32" i="4"/>
  <c r="N31" i="4"/>
  <c r="J31" i="4"/>
  <c r="Q26" i="4"/>
  <c r="M26" i="4"/>
  <c r="I26" i="4"/>
  <c r="Q25" i="4"/>
  <c r="P25" i="4"/>
  <c r="O25" i="4"/>
  <c r="N25" i="4"/>
  <c r="M25" i="4"/>
  <c r="L25" i="4"/>
  <c r="K25" i="4"/>
  <c r="J25" i="4"/>
  <c r="I25" i="4"/>
  <c r="H25" i="4"/>
  <c r="G25" i="4"/>
  <c r="Q24" i="4"/>
  <c r="P24" i="4"/>
  <c r="O24" i="4"/>
  <c r="N24" i="4"/>
  <c r="M24" i="4"/>
  <c r="L24" i="4"/>
  <c r="K24" i="4"/>
  <c r="J24" i="4"/>
  <c r="I24" i="4"/>
  <c r="H24" i="4"/>
  <c r="G24" i="4"/>
  <c r="Q23" i="4"/>
  <c r="P23" i="4"/>
  <c r="O23" i="4"/>
  <c r="N23" i="4"/>
  <c r="M23" i="4"/>
  <c r="L23" i="4"/>
  <c r="K23" i="4"/>
  <c r="J23" i="4"/>
  <c r="I23" i="4"/>
  <c r="H23" i="4"/>
  <c r="G23" i="4"/>
  <c r="Q22" i="4"/>
  <c r="P22" i="4"/>
  <c r="O22" i="4"/>
  <c r="N22" i="4"/>
  <c r="M22" i="4"/>
  <c r="L22" i="4"/>
  <c r="K22" i="4"/>
  <c r="J22" i="4"/>
  <c r="I22" i="4"/>
  <c r="H22" i="4"/>
  <c r="G22" i="4"/>
  <c r="Q21" i="4"/>
  <c r="P21" i="4"/>
  <c r="O21" i="4"/>
  <c r="N21" i="4"/>
  <c r="M21" i="4"/>
  <c r="L21" i="4"/>
  <c r="K21" i="4"/>
  <c r="J21" i="4"/>
  <c r="I21" i="4"/>
  <c r="H21" i="4"/>
  <c r="G21" i="4"/>
  <c r="Q20" i="4"/>
  <c r="P20" i="4"/>
  <c r="O20" i="4"/>
  <c r="N20" i="4"/>
  <c r="M20" i="4"/>
  <c r="L20" i="4"/>
  <c r="K20" i="4"/>
  <c r="J20" i="4"/>
  <c r="I20" i="4"/>
  <c r="H20" i="4"/>
  <c r="G20" i="4"/>
  <c r="Q19" i="4"/>
  <c r="P19" i="4"/>
  <c r="O19" i="4"/>
  <c r="N19" i="4"/>
  <c r="N33" i="4" s="1"/>
  <c r="M19" i="4"/>
  <c r="L19" i="4"/>
  <c r="K19" i="4"/>
  <c r="J19" i="4"/>
  <c r="J33" i="4" s="1"/>
  <c r="I19" i="4"/>
  <c r="H19" i="4"/>
  <c r="G19" i="4"/>
  <c r="Q18" i="4"/>
  <c r="Q33" i="4" s="1"/>
  <c r="P18" i="4"/>
  <c r="O18" i="4"/>
  <c r="O33" i="4" s="1"/>
  <c r="N18" i="4"/>
  <c r="M18" i="4"/>
  <c r="M33" i="4" s="1"/>
  <c r="L18" i="4"/>
  <c r="K18" i="4"/>
  <c r="K33" i="4" s="1"/>
  <c r="J18" i="4"/>
  <c r="I18" i="4"/>
  <c r="I33" i="4" s="1"/>
  <c r="H18" i="4"/>
  <c r="G18" i="4"/>
  <c r="G33" i="4" s="1"/>
  <c r="Q17" i="4"/>
  <c r="P17" i="4"/>
  <c r="O17" i="4"/>
  <c r="N17" i="4"/>
  <c r="M17" i="4"/>
  <c r="L17" i="4"/>
  <c r="K17" i="4"/>
  <c r="J17" i="4"/>
  <c r="I17" i="4"/>
  <c r="H17" i="4"/>
  <c r="G17" i="4"/>
  <c r="Q16" i="4"/>
  <c r="P16" i="4"/>
  <c r="O16" i="4"/>
  <c r="N16" i="4"/>
  <c r="M16" i="4"/>
  <c r="L16" i="4"/>
  <c r="K16" i="4"/>
  <c r="J16" i="4"/>
  <c r="I16" i="4"/>
  <c r="H16" i="4"/>
  <c r="G16" i="4"/>
  <c r="Q15" i="4"/>
  <c r="P15" i="4"/>
  <c r="O15" i="4"/>
  <c r="N15" i="4"/>
  <c r="M15" i="4"/>
  <c r="L15" i="4"/>
  <c r="K15" i="4"/>
  <c r="J15" i="4"/>
  <c r="I15" i="4"/>
  <c r="H15" i="4"/>
  <c r="G15" i="4"/>
  <c r="Q14" i="4"/>
  <c r="P14" i="4"/>
  <c r="O14" i="4"/>
  <c r="N14" i="4"/>
  <c r="M14" i="4"/>
  <c r="L14" i="4"/>
  <c r="K14" i="4"/>
  <c r="J14" i="4"/>
  <c r="I14" i="4"/>
  <c r="H14" i="4"/>
  <c r="G14" i="4"/>
  <c r="Q13" i="4"/>
  <c r="P13" i="4"/>
  <c r="O13" i="4"/>
  <c r="N13" i="4"/>
  <c r="M13" i="4"/>
  <c r="L13" i="4"/>
  <c r="K13" i="4"/>
  <c r="J13" i="4"/>
  <c r="I13" i="4"/>
  <c r="H13" i="4"/>
  <c r="G13" i="4"/>
  <c r="Q12" i="4"/>
  <c r="P12" i="4"/>
  <c r="O12" i="4"/>
  <c r="N12" i="4"/>
  <c r="M12" i="4"/>
  <c r="L12" i="4"/>
  <c r="K12" i="4"/>
  <c r="J12" i="4"/>
  <c r="I12" i="4"/>
  <c r="H12" i="4"/>
  <c r="G12" i="4"/>
  <c r="Q11" i="4"/>
  <c r="P11" i="4"/>
  <c r="O11" i="4"/>
  <c r="N11" i="4"/>
  <c r="M11" i="4"/>
  <c r="L11" i="4"/>
  <c r="K11" i="4"/>
  <c r="J11" i="4"/>
  <c r="I11" i="4"/>
  <c r="H11" i="4"/>
  <c r="G11" i="4"/>
  <c r="Q10" i="4"/>
  <c r="P10" i="4"/>
  <c r="O10" i="4"/>
  <c r="N10" i="4"/>
  <c r="M10" i="4"/>
  <c r="L10" i="4"/>
  <c r="K10" i="4"/>
  <c r="J10" i="4"/>
  <c r="I10" i="4"/>
  <c r="H10" i="4"/>
  <c r="G10" i="4"/>
  <c r="Q9" i="4"/>
  <c r="P9" i="4"/>
  <c r="O9" i="4"/>
  <c r="N9" i="4"/>
  <c r="M9" i="4"/>
  <c r="L9" i="4"/>
  <c r="K9" i="4"/>
  <c r="J9" i="4"/>
  <c r="I9" i="4"/>
  <c r="H9" i="4"/>
  <c r="G9" i="4"/>
  <c r="Q8" i="4"/>
  <c r="Q32" i="4" s="1"/>
  <c r="P8" i="4"/>
  <c r="P32" i="4" s="1"/>
  <c r="O8" i="4"/>
  <c r="N8" i="4"/>
  <c r="N32" i="4" s="1"/>
  <c r="M8" i="4"/>
  <c r="M32" i="4" s="1"/>
  <c r="L8" i="4"/>
  <c r="L32" i="4" s="1"/>
  <c r="K8" i="4"/>
  <c r="J8" i="4"/>
  <c r="J32" i="4" s="1"/>
  <c r="I8" i="4"/>
  <c r="I32" i="4" s="1"/>
  <c r="H8" i="4"/>
  <c r="H32" i="4" s="1"/>
  <c r="G8" i="4"/>
  <c r="Q7" i="4"/>
  <c r="P7" i="4"/>
  <c r="O7" i="4"/>
  <c r="N7" i="4"/>
  <c r="M7" i="4"/>
  <c r="L7" i="4"/>
  <c r="K7" i="4"/>
  <c r="J7" i="4"/>
  <c r="I7" i="4"/>
  <c r="H7" i="4"/>
  <c r="G7" i="4"/>
  <c r="Q6" i="4"/>
  <c r="P6" i="4"/>
  <c r="O6" i="4"/>
  <c r="O26" i="4" s="1"/>
  <c r="N6" i="4"/>
  <c r="M6" i="4"/>
  <c r="L6" i="4"/>
  <c r="K6" i="4"/>
  <c r="K26" i="4" s="1"/>
  <c r="J6" i="4"/>
  <c r="I6" i="4"/>
  <c r="H6" i="4"/>
  <c r="G6" i="4"/>
  <c r="G26" i="4" s="1"/>
  <c r="Q5" i="4"/>
  <c r="Q31" i="4" s="1"/>
  <c r="P5" i="4"/>
  <c r="P26" i="4" s="1"/>
  <c r="O5" i="4"/>
  <c r="O31" i="4" s="1"/>
  <c r="N5" i="4"/>
  <c r="N26" i="4" s="1"/>
  <c r="M5" i="4"/>
  <c r="M31" i="4" s="1"/>
  <c r="L5" i="4"/>
  <c r="L26" i="4" s="1"/>
  <c r="K5" i="4"/>
  <c r="K31" i="4" s="1"/>
  <c r="K34" i="4" s="1"/>
  <c r="J5" i="4"/>
  <c r="J26" i="4" s="1"/>
  <c r="I5" i="4"/>
  <c r="I31" i="4" s="1"/>
  <c r="H5" i="4"/>
  <c r="H26" i="4" s="1"/>
  <c r="G5" i="4"/>
  <c r="G31" i="4" s="1"/>
  <c r="Q166" i="3"/>
  <c r="O166" i="3"/>
  <c r="K166" i="3"/>
  <c r="G166" i="3"/>
  <c r="Q164" i="3"/>
  <c r="M164" i="3"/>
  <c r="I164" i="3"/>
  <c r="Q159" i="3"/>
  <c r="Q165" i="3" s="1"/>
  <c r="P158" i="3"/>
  <c r="O158" i="3"/>
  <c r="N158" i="3"/>
  <c r="M158" i="3"/>
  <c r="L158" i="3"/>
  <c r="K158" i="3"/>
  <c r="J158" i="3"/>
  <c r="I158" i="3"/>
  <c r="H158" i="3"/>
  <c r="G158" i="3"/>
  <c r="P157" i="3"/>
  <c r="O157" i="3"/>
  <c r="N157" i="3"/>
  <c r="M157" i="3"/>
  <c r="L157" i="3"/>
  <c r="L165" i="3" s="1"/>
  <c r="K157" i="3"/>
  <c r="J157" i="3"/>
  <c r="I157" i="3"/>
  <c r="H157" i="3"/>
  <c r="G157" i="3"/>
  <c r="P156" i="3"/>
  <c r="O156" i="3"/>
  <c r="O159" i="3" s="1"/>
  <c r="O164" i="3" s="1"/>
  <c r="N156" i="3"/>
  <c r="N159" i="3" s="1"/>
  <c r="M156" i="3"/>
  <c r="M159" i="3" s="1"/>
  <c r="M166" i="3" s="1"/>
  <c r="L156" i="3"/>
  <c r="L159" i="3" s="1"/>
  <c r="K156" i="3"/>
  <c r="K159" i="3" s="1"/>
  <c r="K164" i="3" s="1"/>
  <c r="J156" i="3"/>
  <c r="I156" i="3"/>
  <c r="I159" i="3" s="1"/>
  <c r="I166" i="3" s="1"/>
  <c r="H156" i="3"/>
  <c r="G156" i="3"/>
  <c r="G159" i="3" s="1"/>
  <c r="G164" i="3" s="1"/>
  <c r="Q151" i="3"/>
  <c r="P151" i="3"/>
  <c r="O151" i="3"/>
  <c r="N151" i="3"/>
  <c r="M151" i="3"/>
  <c r="L151" i="3"/>
  <c r="K151" i="3"/>
  <c r="J151" i="3"/>
  <c r="I151" i="3"/>
  <c r="H151" i="3"/>
  <c r="G151" i="3"/>
  <c r="N120" i="3"/>
  <c r="J120" i="3"/>
  <c r="Q119" i="3"/>
  <c r="P118" i="3"/>
  <c r="L118" i="3"/>
  <c r="H118" i="3"/>
  <c r="Q113" i="3"/>
  <c r="P112" i="3"/>
  <c r="O112" i="3"/>
  <c r="N112" i="3"/>
  <c r="M112" i="3"/>
  <c r="L112" i="3"/>
  <c r="K112" i="3"/>
  <c r="J112" i="3"/>
  <c r="I112" i="3"/>
  <c r="H112" i="3"/>
  <c r="G112" i="3"/>
  <c r="P111" i="3"/>
  <c r="O111" i="3"/>
  <c r="N111" i="3"/>
  <c r="M111" i="3"/>
  <c r="L111" i="3"/>
  <c r="K111" i="3"/>
  <c r="J111" i="3"/>
  <c r="I111" i="3"/>
  <c r="H111" i="3"/>
  <c r="G111" i="3"/>
  <c r="P110" i="3"/>
  <c r="P113" i="3" s="1"/>
  <c r="P120" i="3" s="1"/>
  <c r="O110" i="3"/>
  <c r="N110" i="3"/>
  <c r="N113" i="3" s="1"/>
  <c r="N118" i="3" s="1"/>
  <c r="M110" i="3"/>
  <c r="M113" i="3" s="1"/>
  <c r="L110" i="3"/>
  <c r="L113" i="3" s="1"/>
  <c r="L120" i="3" s="1"/>
  <c r="K110" i="3"/>
  <c r="J110" i="3"/>
  <c r="J113" i="3" s="1"/>
  <c r="J118" i="3" s="1"/>
  <c r="I110" i="3"/>
  <c r="I113" i="3" s="1"/>
  <c r="H110" i="3"/>
  <c r="H113" i="3" s="1"/>
  <c r="H120" i="3" s="1"/>
  <c r="G110" i="3"/>
  <c r="Q105" i="3"/>
  <c r="P105" i="3"/>
  <c r="O105" i="3"/>
  <c r="N105" i="3"/>
  <c r="M105" i="3"/>
  <c r="L105" i="3"/>
  <c r="K105" i="3"/>
  <c r="J105" i="3"/>
  <c r="I105" i="3"/>
  <c r="H105" i="3"/>
  <c r="G105" i="3"/>
  <c r="Q25" i="3"/>
  <c r="P25" i="3"/>
  <c r="O25" i="3"/>
  <c r="N25" i="3"/>
  <c r="M25" i="3"/>
  <c r="L25" i="3"/>
  <c r="K25" i="3"/>
  <c r="J25" i="3"/>
  <c r="I25" i="3"/>
  <c r="H25" i="3"/>
  <c r="G25" i="3"/>
  <c r="Q24" i="3"/>
  <c r="P24" i="3"/>
  <c r="O24" i="3"/>
  <c r="N24" i="3"/>
  <c r="M24" i="3"/>
  <c r="L24" i="3"/>
  <c r="K24" i="3"/>
  <c r="J24" i="3"/>
  <c r="I24" i="3"/>
  <c r="H24" i="3"/>
  <c r="G24" i="3"/>
  <c r="Q23" i="3"/>
  <c r="P23" i="3"/>
  <c r="O23" i="3"/>
  <c r="N23" i="3"/>
  <c r="M23" i="3"/>
  <c r="L23" i="3"/>
  <c r="K23" i="3"/>
  <c r="J23" i="3"/>
  <c r="I23" i="3"/>
  <c r="H23" i="3"/>
  <c r="G23" i="3"/>
  <c r="Q22" i="3"/>
  <c r="P22" i="3"/>
  <c r="O22" i="3"/>
  <c r="N22" i="3"/>
  <c r="M22" i="3"/>
  <c r="L22" i="3"/>
  <c r="K22" i="3"/>
  <c r="J22" i="3"/>
  <c r="I22" i="3"/>
  <c r="H22" i="3"/>
  <c r="G22" i="3"/>
  <c r="Q21" i="3"/>
  <c r="P21" i="3"/>
  <c r="O21" i="3"/>
  <c r="N21" i="3"/>
  <c r="M21" i="3"/>
  <c r="L21" i="3"/>
  <c r="K21" i="3"/>
  <c r="J21" i="3"/>
  <c r="I21" i="3"/>
  <c r="H21" i="3"/>
  <c r="G21" i="3"/>
  <c r="Q20" i="3"/>
  <c r="P20" i="3"/>
  <c r="O20" i="3"/>
  <c r="N20" i="3"/>
  <c r="M20" i="3"/>
  <c r="L20" i="3"/>
  <c r="K20" i="3"/>
  <c r="J20" i="3"/>
  <c r="I20" i="3"/>
  <c r="H20" i="3"/>
  <c r="G20" i="3"/>
  <c r="Q19" i="3"/>
  <c r="P19" i="3"/>
  <c r="P33" i="3" s="1"/>
  <c r="O19" i="3"/>
  <c r="N19" i="3"/>
  <c r="N33" i="3" s="1"/>
  <c r="M19" i="3"/>
  <c r="L19" i="3"/>
  <c r="L33" i="3" s="1"/>
  <c r="K19" i="3"/>
  <c r="J19" i="3"/>
  <c r="J33" i="3" s="1"/>
  <c r="I19" i="3"/>
  <c r="H19" i="3"/>
  <c r="H33" i="3" s="1"/>
  <c r="G19" i="3"/>
  <c r="Q18" i="3"/>
  <c r="Q33" i="3" s="1"/>
  <c r="P18" i="3"/>
  <c r="O18" i="3"/>
  <c r="O33" i="3" s="1"/>
  <c r="N18" i="3"/>
  <c r="M18" i="3"/>
  <c r="M33" i="3" s="1"/>
  <c r="L18" i="3"/>
  <c r="K18" i="3"/>
  <c r="K33" i="3" s="1"/>
  <c r="J18" i="3"/>
  <c r="I18" i="3"/>
  <c r="I33" i="3" s="1"/>
  <c r="H18" i="3"/>
  <c r="G18" i="3"/>
  <c r="G33" i="3" s="1"/>
  <c r="Q17" i="3"/>
  <c r="P17" i="3"/>
  <c r="O17" i="3"/>
  <c r="N17" i="3"/>
  <c r="M17" i="3"/>
  <c r="L17" i="3"/>
  <c r="K17" i="3"/>
  <c r="J17" i="3"/>
  <c r="I17" i="3"/>
  <c r="H17" i="3"/>
  <c r="G17" i="3"/>
  <c r="Q16" i="3"/>
  <c r="P16" i="3"/>
  <c r="O16" i="3"/>
  <c r="N16" i="3"/>
  <c r="M16" i="3"/>
  <c r="L16" i="3"/>
  <c r="K16" i="3"/>
  <c r="J16" i="3"/>
  <c r="I16" i="3"/>
  <c r="H16" i="3"/>
  <c r="G16" i="3"/>
  <c r="Q15" i="3"/>
  <c r="P15" i="3"/>
  <c r="O15" i="3"/>
  <c r="N15" i="3"/>
  <c r="M15" i="3"/>
  <c r="L15" i="3"/>
  <c r="K15" i="3"/>
  <c r="J15" i="3"/>
  <c r="I15" i="3"/>
  <c r="H15" i="3"/>
  <c r="G15" i="3"/>
  <c r="Q14" i="3"/>
  <c r="P14" i="3"/>
  <c r="O14" i="3"/>
  <c r="N14" i="3"/>
  <c r="M14" i="3"/>
  <c r="L14" i="3"/>
  <c r="K14" i="3"/>
  <c r="J14" i="3"/>
  <c r="I14" i="3"/>
  <c r="H14" i="3"/>
  <c r="G14" i="3"/>
  <c r="Q13" i="3"/>
  <c r="P13" i="3"/>
  <c r="O13" i="3"/>
  <c r="N13" i="3"/>
  <c r="M13" i="3"/>
  <c r="L13" i="3"/>
  <c r="K13" i="3"/>
  <c r="J13" i="3"/>
  <c r="I13" i="3"/>
  <c r="H13" i="3"/>
  <c r="G13" i="3"/>
  <c r="Q12" i="3"/>
  <c r="P12" i="3"/>
  <c r="O12" i="3"/>
  <c r="N12" i="3"/>
  <c r="M12" i="3"/>
  <c r="L12" i="3"/>
  <c r="K12" i="3"/>
  <c r="J12" i="3"/>
  <c r="I12" i="3"/>
  <c r="H12" i="3"/>
  <c r="G12" i="3"/>
  <c r="Q11" i="3"/>
  <c r="P11" i="3"/>
  <c r="O11" i="3"/>
  <c r="N11" i="3"/>
  <c r="M11" i="3"/>
  <c r="L11" i="3"/>
  <c r="K11" i="3"/>
  <c r="J11" i="3"/>
  <c r="I11" i="3"/>
  <c r="H11" i="3"/>
  <c r="G11" i="3"/>
  <c r="Q10" i="3"/>
  <c r="P10" i="3"/>
  <c r="O10" i="3"/>
  <c r="N10" i="3"/>
  <c r="M10" i="3"/>
  <c r="L10" i="3"/>
  <c r="K10" i="3"/>
  <c r="J10" i="3"/>
  <c r="I10" i="3"/>
  <c r="H10" i="3"/>
  <c r="G10" i="3"/>
  <c r="Q9" i="3"/>
  <c r="P9" i="3"/>
  <c r="O9" i="3"/>
  <c r="N9" i="3"/>
  <c r="M9" i="3"/>
  <c r="L9" i="3"/>
  <c r="K9" i="3"/>
  <c r="J9" i="3"/>
  <c r="I9" i="3"/>
  <c r="H9" i="3"/>
  <c r="G9" i="3"/>
  <c r="Q8" i="3"/>
  <c r="Q32" i="3" s="1"/>
  <c r="P8" i="3"/>
  <c r="P32" i="3" s="1"/>
  <c r="O8" i="3"/>
  <c r="O32" i="3" s="1"/>
  <c r="N8" i="3"/>
  <c r="N32" i="3" s="1"/>
  <c r="M8" i="3"/>
  <c r="M32" i="3" s="1"/>
  <c r="L8" i="3"/>
  <c r="L32" i="3" s="1"/>
  <c r="K8" i="3"/>
  <c r="K32" i="3" s="1"/>
  <c r="J8" i="3"/>
  <c r="J32" i="3" s="1"/>
  <c r="I8" i="3"/>
  <c r="I32" i="3" s="1"/>
  <c r="H8" i="3"/>
  <c r="H32" i="3" s="1"/>
  <c r="G8" i="3"/>
  <c r="G32" i="3" s="1"/>
  <c r="Q7" i="3"/>
  <c r="P7" i="3"/>
  <c r="O7" i="3"/>
  <c r="N7" i="3"/>
  <c r="M7" i="3"/>
  <c r="L7" i="3"/>
  <c r="K7" i="3"/>
  <c r="J7" i="3"/>
  <c r="I7" i="3"/>
  <c r="H7" i="3"/>
  <c r="G7" i="3"/>
  <c r="Q6" i="3"/>
  <c r="Q26" i="3" s="1"/>
  <c r="P6" i="3"/>
  <c r="O6" i="3"/>
  <c r="O26" i="3" s="1"/>
  <c r="N6" i="3"/>
  <c r="M6" i="3"/>
  <c r="M26" i="3" s="1"/>
  <c r="L6" i="3"/>
  <c r="K6" i="3"/>
  <c r="K26" i="3" s="1"/>
  <c r="J6" i="3"/>
  <c r="I6" i="3"/>
  <c r="I26" i="3" s="1"/>
  <c r="H6" i="3"/>
  <c r="G6" i="3"/>
  <c r="G26" i="3" s="1"/>
  <c r="Q5" i="3"/>
  <c r="Q31" i="3" s="1"/>
  <c r="P5" i="3"/>
  <c r="P26" i="3" s="1"/>
  <c r="O5" i="3"/>
  <c r="O31" i="3" s="1"/>
  <c r="N5" i="3"/>
  <c r="N31" i="3" s="1"/>
  <c r="M5" i="3"/>
  <c r="M31" i="3" s="1"/>
  <c r="L5" i="3"/>
  <c r="L26" i="3" s="1"/>
  <c r="K5" i="3"/>
  <c r="K31" i="3" s="1"/>
  <c r="J5" i="3"/>
  <c r="J31" i="3" s="1"/>
  <c r="I5" i="3"/>
  <c r="I31" i="3" s="1"/>
  <c r="H5" i="3"/>
  <c r="H26" i="3" s="1"/>
  <c r="G5" i="3"/>
  <c r="G31" i="3" s="1"/>
  <c r="Q166" i="2"/>
  <c r="Q164" i="2"/>
  <c r="Q159" i="2"/>
  <c r="Q165" i="2" s="1"/>
  <c r="P158" i="2"/>
  <c r="O158" i="2"/>
  <c r="N158" i="2"/>
  <c r="M158" i="2"/>
  <c r="L158" i="2"/>
  <c r="K158" i="2"/>
  <c r="J158" i="2"/>
  <c r="I158" i="2"/>
  <c r="H158" i="2"/>
  <c r="G158" i="2"/>
  <c r="P157" i="2"/>
  <c r="O157" i="2"/>
  <c r="O165" i="2" s="1"/>
  <c r="N157" i="2"/>
  <c r="M157" i="2"/>
  <c r="L157" i="2"/>
  <c r="K157" i="2"/>
  <c r="K165" i="2" s="1"/>
  <c r="J157" i="2"/>
  <c r="I157" i="2"/>
  <c r="H157" i="2"/>
  <c r="G157" i="2"/>
  <c r="G165" i="2" s="1"/>
  <c r="P156" i="2"/>
  <c r="P159" i="2" s="1"/>
  <c r="O156" i="2"/>
  <c r="O159" i="2" s="1"/>
  <c r="N156" i="2"/>
  <c r="N159" i="2" s="1"/>
  <c r="M156" i="2"/>
  <c r="M159" i="2" s="1"/>
  <c r="L156" i="2"/>
  <c r="L159" i="2" s="1"/>
  <c r="K156" i="2"/>
  <c r="K159" i="2" s="1"/>
  <c r="J156" i="2"/>
  <c r="J159" i="2" s="1"/>
  <c r="I156" i="2"/>
  <c r="I159" i="2" s="1"/>
  <c r="H156" i="2"/>
  <c r="H159" i="2" s="1"/>
  <c r="G156" i="2"/>
  <c r="G159" i="2" s="1"/>
  <c r="Q151" i="2"/>
  <c r="P151" i="2"/>
  <c r="O151" i="2"/>
  <c r="N151" i="2"/>
  <c r="M151" i="2"/>
  <c r="L151" i="2"/>
  <c r="K151" i="2"/>
  <c r="J151" i="2"/>
  <c r="I151" i="2"/>
  <c r="H151" i="2"/>
  <c r="G151" i="2"/>
  <c r="Q113" i="2"/>
  <c r="Q118" i="2" s="1"/>
  <c r="P112" i="2"/>
  <c r="O112" i="2"/>
  <c r="N112" i="2"/>
  <c r="M112" i="2"/>
  <c r="L112" i="2"/>
  <c r="K112" i="2"/>
  <c r="J112" i="2"/>
  <c r="I112" i="2"/>
  <c r="H112" i="2"/>
  <c r="G112" i="2"/>
  <c r="P111" i="2"/>
  <c r="O111" i="2"/>
  <c r="N111" i="2"/>
  <c r="M111" i="2"/>
  <c r="M119" i="2" s="1"/>
  <c r="L111" i="2"/>
  <c r="K111" i="2"/>
  <c r="J111" i="2"/>
  <c r="I111" i="2"/>
  <c r="I119" i="2" s="1"/>
  <c r="H111" i="2"/>
  <c r="G111" i="2"/>
  <c r="P110" i="2"/>
  <c r="P113" i="2" s="1"/>
  <c r="O110" i="2"/>
  <c r="O113" i="2" s="1"/>
  <c r="N110" i="2"/>
  <c r="N113" i="2" s="1"/>
  <c r="M110" i="2"/>
  <c r="M113" i="2" s="1"/>
  <c r="L110" i="2"/>
  <c r="L113" i="2" s="1"/>
  <c r="K110" i="2"/>
  <c r="K113" i="2" s="1"/>
  <c r="J110" i="2"/>
  <c r="J113" i="2" s="1"/>
  <c r="I110" i="2"/>
  <c r="I113" i="2" s="1"/>
  <c r="H110" i="2"/>
  <c r="H113" i="2" s="1"/>
  <c r="G110" i="2"/>
  <c r="G113" i="2" s="1"/>
  <c r="Q105" i="2"/>
  <c r="P105" i="2"/>
  <c r="O105" i="2"/>
  <c r="N105" i="2"/>
  <c r="M105" i="2"/>
  <c r="L105" i="2"/>
  <c r="K105" i="2"/>
  <c r="J105" i="2"/>
  <c r="I105" i="2"/>
  <c r="H105" i="2"/>
  <c r="G105" i="2"/>
  <c r="Q25" i="2"/>
  <c r="P25" i="2"/>
  <c r="O25" i="2"/>
  <c r="N25" i="2"/>
  <c r="M25" i="2"/>
  <c r="L25" i="2"/>
  <c r="K25" i="2"/>
  <c r="J25" i="2"/>
  <c r="I25" i="2"/>
  <c r="H25" i="2"/>
  <c r="G25" i="2"/>
  <c r="Q24" i="2"/>
  <c r="P24" i="2"/>
  <c r="O24" i="2"/>
  <c r="N24" i="2"/>
  <c r="M24" i="2"/>
  <c r="L24" i="2"/>
  <c r="K24" i="2"/>
  <c r="J24" i="2"/>
  <c r="I24" i="2"/>
  <c r="H24" i="2"/>
  <c r="G24" i="2"/>
  <c r="Q23" i="2"/>
  <c r="P23" i="2"/>
  <c r="O23" i="2"/>
  <c r="N23" i="2"/>
  <c r="M23" i="2"/>
  <c r="L23" i="2"/>
  <c r="K23" i="2"/>
  <c r="J23" i="2"/>
  <c r="I23" i="2"/>
  <c r="H23" i="2"/>
  <c r="G23" i="2"/>
  <c r="Q22" i="2"/>
  <c r="P22" i="2"/>
  <c r="O22" i="2"/>
  <c r="N22" i="2"/>
  <c r="M22" i="2"/>
  <c r="L22" i="2"/>
  <c r="K22" i="2"/>
  <c r="J22" i="2"/>
  <c r="I22" i="2"/>
  <c r="H22" i="2"/>
  <c r="G22" i="2"/>
  <c r="Q21" i="2"/>
  <c r="P21" i="2"/>
  <c r="O21" i="2"/>
  <c r="N21" i="2"/>
  <c r="M21" i="2"/>
  <c r="L21" i="2"/>
  <c r="K21" i="2"/>
  <c r="J21" i="2"/>
  <c r="I21" i="2"/>
  <c r="H21" i="2"/>
  <c r="G21" i="2"/>
  <c r="Q20" i="2"/>
  <c r="P20" i="2"/>
  <c r="O20" i="2"/>
  <c r="N20" i="2"/>
  <c r="M20" i="2"/>
  <c r="L20" i="2"/>
  <c r="K20" i="2"/>
  <c r="J20" i="2"/>
  <c r="I20" i="2"/>
  <c r="H20" i="2"/>
  <c r="G20" i="2"/>
  <c r="Q19" i="2"/>
  <c r="Q33" i="2" s="1"/>
  <c r="P19" i="2"/>
  <c r="O19" i="2"/>
  <c r="O33" i="2" s="1"/>
  <c r="N19" i="2"/>
  <c r="M19" i="2"/>
  <c r="M33" i="2" s="1"/>
  <c r="L19" i="2"/>
  <c r="K19" i="2"/>
  <c r="K33" i="2" s="1"/>
  <c r="J19" i="2"/>
  <c r="I19" i="2"/>
  <c r="I33" i="2" s="1"/>
  <c r="H19" i="2"/>
  <c r="G19" i="2"/>
  <c r="G33" i="2" s="1"/>
  <c r="Q18" i="2"/>
  <c r="P18" i="2"/>
  <c r="P33" i="2" s="1"/>
  <c r="O18" i="2"/>
  <c r="N18" i="2"/>
  <c r="N33" i="2" s="1"/>
  <c r="M18" i="2"/>
  <c r="L18" i="2"/>
  <c r="L33" i="2" s="1"/>
  <c r="K18" i="2"/>
  <c r="J18" i="2"/>
  <c r="J33" i="2" s="1"/>
  <c r="I18" i="2"/>
  <c r="H18" i="2"/>
  <c r="H33" i="2" s="1"/>
  <c r="G18" i="2"/>
  <c r="Q17" i="2"/>
  <c r="P17" i="2"/>
  <c r="O17" i="2"/>
  <c r="N17" i="2"/>
  <c r="M17" i="2"/>
  <c r="L17" i="2"/>
  <c r="K17" i="2"/>
  <c r="J17" i="2"/>
  <c r="I17" i="2"/>
  <c r="H17" i="2"/>
  <c r="G17" i="2"/>
  <c r="Q16" i="2"/>
  <c r="P16" i="2"/>
  <c r="O16" i="2"/>
  <c r="N16" i="2"/>
  <c r="M16" i="2"/>
  <c r="L16" i="2"/>
  <c r="K16" i="2"/>
  <c r="J16" i="2"/>
  <c r="I16" i="2"/>
  <c r="H16" i="2"/>
  <c r="G16" i="2"/>
  <c r="Q15" i="2"/>
  <c r="P15" i="2"/>
  <c r="O15" i="2"/>
  <c r="N15" i="2"/>
  <c r="M15" i="2"/>
  <c r="L15" i="2"/>
  <c r="K15" i="2"/>
  <c r="J15" i="2"/>
  <c r="I15" i="2"/>
  <c r="H15" i="2"/>
  <c r="G15" i="2"/>
  <c r="Q14" i="2"/>
  <c r="P14" i="2"/>
  <c r="O14" i="2"/>
  <c r="N14" i="2"/>
  <c r="M14" i="2"/>
  <c r="L14" i="2"/>
  <c r="K14" i="2"/>
  <c r="J14" i="2"/>
  <c r="I14" i="2"/>
  <c r="H14" i="2"/>
  <c r="G14" i="2"/>
  <c r="Q13" i="2"/>
  <c r="P13" i="2"/>
  <c r="O13" i="2"/>
  <c r="N13" i="2"/>
  <c r="M13" i="2"/>
  <c r="L13" i="2"/>
  <c r="K13" i="2"/>
  <c r="J13" i="2"/>
  <c r="I13" i="2"/>
  <c r="H13" i="2"/>
  <c r="G13" i="2"/>
  <c r="Q12" i="2"/>
  <c r="P12" i="2"/>
  <c r="O12" i="2"/>
  <c r="N12" i="2"/>
  <c r="M12" i="2"/>
  <c r="L12" i="2"/>
  <c r="K12" i="2"/>
  <c r="J12" i="2"/>
  <c r="I12" i="2"/>
  <c r="H12" i="2"/>
  <c r="G12" i="2"/>
  <c r="Q11" i="2"/>
  <c r="P11" i="2"/>
  <c r="O11" i="2"/>
  <c r="N11" i="2"/>
  <c r="M11" i="2"/>
  <c r="L11" i="2"/>
  <c r="K11" i="2"/>
  <c r="J11" i="2"/>
  <c r="I11" i="2"/>
  <c r="H11" i="2"/>
  <c r="G11" i="2"/>
  <c r="Q10" i="2"/>
  <c r="P10" i="2"/>
  <c r="O10" i="2"/>
  <c r="N10" i="2"/>
  <c r="M10" i="2"/>
  <c r="L10" i="2"/>
  <c r="K10" i="2"/>
  <c r="J10" i="2"/>
  <c r="I10" i="2"/>
  <c r="H10" i="2"/>
  <c r="G10" i="2"/>
  <c r="Q9" i="2"/>
  <c r="P9" i="2"/>
  <c r="O9" i="2"/>
  <c r="N9" i="2"/>
  <c r="M9" i="2"/>
  <c r="L9" i="2"/>
  <c r="K9" i="2"/>
  <c r="J9" i="2"/>
  <c r="I9" i="2"/>
  <c r="H9" i="2"/>
  <c r="G9" i="2"/>
  <c r="Q8" i="2"/>
  <c r="P8" i="2"/>
  <c r="P32" i="2" s="1"/>
  <c r="O8" i="2"/>
  <c r="N8" i="2"/>
  <c r="M8" i="2"/>
  <c r="L8" i="2"/>
  <c r="L32" i="2" s="1"/>
  <c r="K8" i="2"/>
  <c r="J8" i="2"/>
  <c r="I8" i="2"/>
  <c r="H8" i="2"/>
  <c r="H32" i="2" s="1"/>
  <c r="G8" i="2"/>
  <c r="Q7" i="2"/>
  <c r="P7" i="2"/>
  <c r="O7" i="2"/>
  <c r="N7" i="2"/>
  <c r="M7" i="2"/>
  <c r="L7" i="2"/>
  <c r="K7" i="2"/>
  <c r="J7" i="2"/>
  <c r="I7" i="2"/>
  <c r="H7" i="2"/>
  <c r="G7" i="2"/>
  <c r="Q6" i="2"/>
  <c r="P6" i="2"/>
  <c r="O6" i="2"/>
  <c r="N6" i="2"/>
  <c r="N26" i="2" s="1"/>
  <c r="M6" i="2"/>
  <c r="L6" i="2"/>
  <c r="K6" i="2"/>
  <c r="J6" i="2"/>
  <c r="J26" i="2" s="1"/>
  <c r="I6" i="2"/>
  <c r="H6" i="2"/>
  <c r="G6" i="2"/>
  <c r="Q5" i="2"/>
  <c r="P5" i="2"/>
  <c r="O5" i="2"/>
  <c r="N5" i="2"/>
  <c r="M5" i="2"/>
  <c r="L5" i="2"/>
  <c r="K5" i="2"/>
  <c r="J5" i="2"/>
  <c r="I5" i="2"/>
  <c r="H5" i="2"/>
  <c r="G5" i="2"/>
  <c r="N166" i="1"/>
  <c r="J166" i="1"/>
  <c r="Q165" i="1"/>
  <c r="P164" i="1"/>
  <c r="L164" i="1"/>
  <c r="H164" i="1"/>
  <c r="Q159" i="1"/>
  <c r="P158" i="1"/>
  <c r="O158" i="1"/>
  <c r="N158" i="1"/>
  <c r="M158" i="1"/>
  <c r="L158" i="1"/>
  <c r="K158" i="1"/>
  <c r="J158" i="1"/>
  <c r="I158" i="1"/>
  <c r="H158" i="1"/>
  <c r="G158" i="1"/>
  <c r="P157" i="1"/>
  <c r="P165" i="1" s="1"/>
  <c r="O157" i="1"/>
  <c r="O159" i="1" s="1"/>
  <c r="N157" i="1"/>
  <c r="M157" i="1"/>
  <c r="L157" i="1"/>
  <c r="L165" i="1" s="1"/>
  <c r="K157" i="1"/>
  <c r="J157" i="1"/>
  <c r="I157" i="1"/>
  <c r="H157" i="1"/>
  <c r="H165" i="1" s="1"/>
  <c r="G157" i="1"/>
  <c r="G159" i="1" s="1"/>
  <c r="P156" i="1"/>
  <c r="P159" i="1" s="1"/>
  <c r="P166" i="1" s="1"/>
  <c r="O156" i="1"/>
  <c r="N156" i="1"/>
  <c r="N159" i="1" s="1"/>
  <c r="N164" i="1" s="1"/>
  <c r="M156" i="1"/>
  <c r="M159" i="1" s="1"/>
  <c r="L156" i="1"/>
  <c r="L159" i="1" s="1"/>
  <c r="L166" i="1" s="1"/>
  <c r="K156" i="1"/>
  <c r="J156" i="1"/>
  <c r="J159" i="1" s="1"/>
  <c r="J164" i="1" s="1"/>
  <c r="I156" i="1"/>
  <c r="H156" i="1"/>
  <c r="H159" i="1" s="1"/>
  <c r="H166" i="1" s="1"/>
  <c r="G156" i="1"/>
  <c r="Q151" i="1"/>
  <c r="P151" i="1"/>
  <c r="O151" i="1"/>
  <c r="N151" i="1"/>
  <c r="M151" i="1"/>
  <c r="L151" i="1"/>
  <c r="K151" i="1"/>
  <c r="J151" i="1"/>
  <c r="I151" i="1"/>
  <c r="H151" i="1"/>
  <c r="G151" i="1"/>
  <c r="Q120" i="1"/>
  <c r="Q118" i="1"/>
  <c r="K118" i="1"/>
  <c r="Q113" i="1"/>
  <c r="Q119" i="1" s="1"/>
  <c r="P113" i="1"/>
  <c r="P119" i="1" s="1"/>
  <c r="L113" i="1"/>
  <c r="L119" i="1" s="1"/>
  <c r="H113" i="1"/>
  <c r="H119" i="1" s="1"/>
  <c r="P112" i="1"/>
  <c r="O112" i="1"/>
  <c r="N112" i="1"/>
  <c r="M112" i="1"/>
  <c r="L112" i="1"/>
  <c r="K112" i="1"/>
  <c r="J112" i="1"/>
  <c r="I112" i="1"/>
  <c r="H112" i="1"/>
  <c r="G112" i="1"/>
  <c r="P111" i="1"/>
  <c r="O111" i="1"/>
  <c r="O119" i="1" s="1"/>
  <c r="N111" i="1"/>
  <c r="N119" i="1" s="1"/>
  <c r="M111" i="1"/>
  <c r="L111" i="1"/>
  <c r="K111" i="1"/>
  <c r="K119" i="1" s="1"/>
  <c r="J111" i="1"/>
  <c r="I111" i="1"/>
  <c r="H111" i="1"/>
  <c r="G111" i="1"/>
  <c r="G119" i="1" s="1"/>
  <c r="P110" i="1"/>
  <c r="O110" i="1"/>
  <c r="O113" i="1" s="1"/>
  <c r="O118" i="1" s="1"/>
  <c r="N110" i="1"/>
  <c r="N113" i="1" s="1"/>
  <c r="M110" i="1"/>
  <c r="M113" i="1" s="1"/>
  <c r="M118" i="1" s="1"/>
  <c r="L110" i="1"/>
  <c r="K110" i="1"/>
  <c r="K113" i="1" s="1"/>
  <c r="K120" i="1" s="1"/>
  <c r="J110" i="1"/>
  <c r="I110" i="1"/>
  <c r="I113" i="1" s="1"/>
  <c r="I120" i="1" s="1"/>
  <c r="H110" i="1"/>
  <c r="G110" i="1"/>
  <c r="G113" i="1" s="1"/>
  <c r="G118" i="1" s="1"/>
  <c r="Q105" i="1"/>
  <c r="P105" i="1"/>
  <c r="O105" i="1"/>
  <c r="N105" i="1"/>
  <c r="M105" i="1"/>
  <c r="L105" i="1"/>
  <c r="K105" i="1"/>
  <c r="J105" i="1"/>
  <c r="I105" i="1"/>
  <c r="H105" i="1"/>
  <c r="G105" i="1"/>
  <c r="Q25" i="1"/>
  <c r="P25" i="1"/>
  <c r="O25" i="1"/>
  <c r="N25" i="1"/>
  <c r="M25" i="1"/>
  <c r="L25" i="1"/>
  <c r="K25" i="1"/>
  <c r="J25" i="1"/>
  <c r="I25" i="1"/>
  <c r="H25" i="1"/>
  <c r="G25" i="1"/>
  <c r="Q24" i="1"/>
  <c r="P24" i="1"/>
  <c r="O24" i="1"/>
  <c r="N24" i="1"/>
  <c r="M24" i="1"/>
  <c r="L24" i="1"/>
  <c r="K24" i="1"/>
  <c r="J24" i="1"/>
  <c r="I24" i="1"/>
  <c r="H24" i="1"/>
  <c r="G24" i="1"/>
  <c r="Q23" i="1"/>
  <c r="P23" i="1"/>
  <c r="O23" i="1"/>
  <c r="N23" i="1"/>
  <c r="M23" i="1"/>
  <c r="L23" i="1"/>
  <c r="K23" i="1"/>
  <c r="J23" i="1"/>
  <c r="I23" i="1"/>
  <c r="H23" i="1"/>
  <c r="G23" i="1"/>
  <c r="Q22" i="1"/>
  <c r="P22" i="1"/>
  <c r="O22" i="1"/>
  <c r="N22" i="1"/>
  <c r="M22" i="1"/>
  <c r="L22" i="1"/>
  <c r="K22" i="1"/>
  <c r="J22" i="1"/>
  <c r="I22" i="1"/>
  <c r="H22" i="1"/>
  <c r="G22" i="1"/>
  <c r="Q21" i="1"/>
  <c r="P21" i="1"/>
  <c r="O21" i="1"/>
  <c r="N21" i="1"/>
  <c r="M21" i="1"/>
  <c r="L21" i="1"/>
  <c r="K21" i="1"/>
  <c r="J21" i="1"/>
  <c r="I21" i="1"/>
  <c r="H21" i="1"/>
  <c r="G21" i="1"/>
  <c r="Q20" i="1"/>
  <c r="P20" i="1"/>
  <c r="O20" i="1"/>
  <c r="N20" i="1"/>
  <c r="M20" i="1"/>
  <c r="L20" i="1"/>
  <c r="K20" i="1"/>
  <c r="J20" i="1"/>
  <c r="I20" i="1"/>
  <c r="H20" i="1"/>
  <c r="G20" i="1"/>
  <c r="Q19" i="1"/>
  <c r="P19" i="1"/>
  <c r="O19" i="1"/>
  <c r="N19" i="1"/>
  <c r="M19" i="1"/>
  <c r="L19" i="1"/>
  <c r="K19" i="1"/>
  <c r="J19" i="1"/>
  <c r="I19" i="1"/>
  <c r="H19" i="1"/>
  <c r="G19" i="1"/>
  <c r="Q18" i="1"/>
  <c r="P18" i="1"/>
  <c r="P33" i="1" s="1"/>
  <c r="O18" i="1"/>
  <c r="N18" i="1"/>
  <c r="N33" i="1" s="1"/>
  <c r="M18" i="1"/>
  <c r="L18" i="1"/>
  <c r="L33" i="1" s="1"/>
  <c r="K18" i="1"/>
  <c r="J18" i="1"/>
  <c r="J33" i="1" s="1"/>
  <c r="I18" i="1"/>
  <c r="H18" i="1"/>
  <c r="H33" i="1" s="1"/>
  <c r="G18" i="1"/>
  <c r="Q17" i="1"/>
  <c r="P17" i="1"/>
  <c r="O17" i="1"/>
  <c r="N17" i="1"/>
  <c r="M17" i="1"/>
  <c r="L17" i="1"/>
  <c r="K17" i="1"/>
  <c r="J17" i="1"/>
  <c r="I17" i="1"/>
  <c r="H17" i="1"/>
  <c r="G17" i="1"/>
  <c r="Q16" i="1"/>
  <c r="P16" i="1"/>
  <c r="O16" i="1"/>
  <c r="N16" i="1"/>
  <c r="M16" i="1"/>
  <c r="L16" i="1"/>
  <c r="K16" i="1"/>
  <c r="J16" i="1"/>
  <c r="I16" i="1"/>
  <c r="H16" i="1"/>
  <c r="G16" i="1"/>
  <c r="Q15" i="1"/>
  <c r="P15" i="1"/>
  <c r="O15" i="1"/>
  <c r="N15" i="1"/>
  <c r="M15" i="1"/>
  <c r="L15" i="1"/>
  <c r="K15" i="1"/>
  <c r="J15" i="1"/>
  <c r="I15" i="1"/>
  <c r="H15" i="1"/>
  <c r="G15" i="1"/>
  <c r="Q14" i="1"/>
  <c r="P14" i="1"/>
  <c r="O14" i="1"/>
  <c r="N14" i="1"/>
  <c r="M14" i="1"/>
  <c r="L14" i="1"/>
  <c r="K14" i="1"/>
  <c r="J14" i="1"/>
  <c r="I14" i="1"/>
  <c r="H14" i="1"/>
  <c r="G14" i="1"/>
  <c r="Q13" i="1"/>
  <c r="P13" i="1"/>
  <c r="O13" i="1"/>
  <c r="N13" i="1"/>
  <c r="M13" i="1"/>
  <c r="L13" i="1"/>
  <c r="K13" i="1"/>
  <c r="J13" i="1"/>
  <c r="I13" i="1"/>
  <c r="H13" i="1"/>
  <c r="G13" i="1"/>
  <c r="Q12" i="1"/>
  <c r="P12" i="1"/>
  <c r="O12" i="1"/>
  <c r="N12" i="1"/>
  <c r="M12" i="1"/>
  <c r="L12" i="1"/>
  <c r="K12" i="1"/>
  <c r="J12" i="1"/>
  <c r="I12" i="1"/>
  <c r="H12" i="1"/>
  <c r="G12" i="1"/>
  <c r="Q11" i="1"/>
  <c r="P11" i="1"/>
  <c r="O11" i="1"/>
  <c r="N11" i="1"/>
  <c r="M11" i="1"/>
  <c r="L11" i="1"/>
  <c r="K11" i="1"/>
  <c r="J11" i="1"/>
  <c r="I11" i="1"/>
  <c r="H11" i="1"/>
  <c r="G11" i="1"/>
  <c r="Q10" i="1"/>
  <c r="P10" i="1"/>
  <c r="O10" i="1"/>
  <c r="N10" i="1"/>
  <c r="M10" i="1"/>
  <c r="L10" i="1"/>
  <c r="K10" i="1"/>
  <c r="J10" i="1"/>
  <c r="I10" i="1"/>
  <c r="H10" i="1"/>
  <c r="G10" i="1"/>
  <c r="Q9" i="1"/>
  <c r="P9" i="1"/>
  <c r="O9" i="1"/>
  <c r="O32" i="1" s="1"/>
  <c r="N9" i="1"/>
  <c r="M9" i="1"/>
  <c r="L9" i="1"/>
  <c r="K9" i="1"/>
  <c r="K32" i="1" s="1"/>
  <c r="J9" i="1"/>
  <c r="I9" i="1"/>
  <c r="H9" i="1"/>
  <c r="G9" i="1"/>
  <c r="G32" i="1" s="1"/>
  <c r="Q8" i="1"/>
  <c r="Q32" i="1" s="1"/>
  <c r="P8" i="1"/>
  <c r="P32" i="1" s="1"/>
  <c r="O8" i="1"/>
  <c r="N8" i="1"/>
  <c r="M8" i="1"/>
  <c r="M32" i="1" s="1"/>
  <c r="L8" i="1"/>
  <c r="L32" i="1" s="1"/>
  <c r="K8" i="1"/>
  <c r="J8" i="1"/>
  <c r="I8" i="1"/>
  <c r="I32" i="1" s="1"/>
  <c r="H8" i="1"/>
  <c r="H32" i="1" s="1"/>
  <c r="G8" i="1"/>
  <c r="Q7" i="1"/>
  <c r="P7" i="1"/>
  <c r="O7" i="1"/>
  <c r="N7" i="1"/>
  <c r="M7" i="1"/>
  <c r="L7" i="1"/>
  <c r="K7" i="1"/>
  <c r="J7" i="1"/>
  <c r="I7" i="1"/>
  <c r="H7" i="1"/>
  <c r="G7" i="1"/>
  <c r="Q6" i="1"/>
  <c r="P6" i="1"/>
  <c r="P26" i="1" s="1"/>
  <c r="O6" i="1"/>
  <c r="N6" i="1"/>
  <c r="N26" i="1" s="1"/>
  <c r="M6" i="1"/>
  <c r="L6" i="1"/>
  <c r="L26" i="1" s="1"/>
  <c r="K6" i="1"/>
  <c r="J6" i="1"/>
  <c r="J26" i="1" s="1"/>
  <c r="I6" i="1"/>
  <c r="H6" i="1"/>
  <c r="H26" i="1" s="1"/>
  <c r="G6" i="1"/>
  <c r="Q5" i="1"/>
  <c r="Q31" i="1" s="1"/>
  <c r="P5" i="1"/>
  <c r="P31" i="1" s="1"/>
  <c r="O5" i="1"/>
  <c r="O26" i="1" s="1"/>
  <c r="N5" i="1"/>
  <c r="N31" i="1" s="1"/>
  <c r="M5" i="1"/>
  <c r="M31" i="1" s="1"/>
  <c r="L5" i="1"/>
  <c r="L31" i="1" s="1"/>
  <c r="K5" i="1"/>
  <c r="K26" i="1" s="1"/>
  <c r="J5" i="1"/>
  <c r="J31" i="1" s="1"/>
  <c r="I5" i="1"/>
  <c r="I31" i="1" s="1"/>
  <c r="H5" i="1"/>
  <c r="H31" i="1" s="1"/>
  <c r="G5" i="1"/>
  <c r="G26" i="1" s="1"/>
  <c r="J34" i="1" l="1"/>
  <c r="J39" i="1" s="1"/>
  <c r="H34" i="1"/>
  <c r="H41" i="1" s="1"/>
  <c r="L34" i="1"/>
  <c r="L41" i="1" s="1"/>
  <c r="P34" i="1"/>
  <c r="P40" i="1" s="1"/>
  <c r="J41" i="1"/>
  <c r="M165" i="1"/>
  <c r="J32" i="1"/>
  <c r="I33" i="1"/>
  <c r="M33" i="1"/>
  <c r="Q33" i="1"/>
  <c r="Q34" i="1" s="1"/>
  <c r="I26" i="1"/>
  <c r="M26" i="1"/>
  <c r="Q26" i="1"/>
  <c r="H118" i="1"/>
  <c r="L118" i="1"/>
  <c r="P118" i="1"/>
  <c r="H120" i="1"/>
  <c r="L120" i="1"/>
  <c r="P120" i="1"/>
  <c r="I118" i="1"/>
  <c r="J165" i="1"/>
  <c r="N165" i="1"/>
  <c r="G165" i="1"/>
  <c r="O165" i="1"/>
  <c r="H31" i="2"/>
  <c r="L31" i="2"/>
  <c r="P31" i="2"/>
  <c r="G32" i="2"/>
  <c r="K32" i="2"/>
  <c r="O32" i="2"/>
  <c r="J118" i="2"/>
  <c r="J120" i="2"/>
  <c r="N118" i="2"/>
  <c r="N120" i="2"/>
  <c r="H119" i="2"/>
  <c r="L119" i="2"/>
  <c r="P119" i="2"/>
  <c r="J165" i="2"/>
  <c r="N165" i="2"/>
  <c r="H166" i="2"/>
  <c r="L166" i="2"/>
  <c r="P166" i="2"/>
  <c r="G34" i="3"/>
  <c r="G39" i="3"/>
  <c r="K34" i="3"/>
  <c r="K39" i="3"/>
  <c r="O34" i="3"/>
  <c r="O39" i="3"/>
  <c r="K119" i="3"/>
  <c r="L40" i="1"/>
  <c r="G31" i="1"/>
  <c r="O31" i="1"/>
  <c r="M120" i="1"/>
  <c r="I164" i="1"/>
  <c r="M164" i="1"/>
  <c r="I166" i="1"/>
  <c r="M166" i="1"/>
  <c r="I26" i="2"/>
  <c r="I31" i="2"/>
  <c r="M26" i="2"/>
  <c r="M31" i="2"/>
  <c r="Q26" i="2"/>
  <c r="Q31" i="2"/>
  <c r="G120" i="2"/>
  <c r="K120" i="2"/>
  <c r="O120" i="2"/>
  <c r="I164" i="2"/>
  <c r="I166" i="2"/>
  <c r="M164" i="2"/>
  <c r="M166" i="2"/>
  <c r="G40" i="3"/>
  <c r="K40" i="3"/>
  <c r="O40" i="3"/>
  <c r="N41" i="4"/>
  <c r="H40" i="1"/>
  <c r="K31" i="1"/>
  <c r="G33" i="1"/>
  <c r="K33" i="1"/>
  <c r="O33" i="1"/>
  <c r="N118" i="1"/>
  <c r="N120" i="1"/>
  <c r="J113" i="1"/>
  <c r="J119" i="1" s="1"/>
  <c r="G120" i="1"/>
  <c r="O120" i="1"/>
  <c r="I159" i="1"/>
  <c r="I165" i="1" s="1"/>
  <c r="Q164" i="1"/>
  <c r="Q166" i="1"/>
  <c r="J31" i="2"/>
  <c r="N31" i="2"/>
  <c r="I32" i="2"/>
  <c r="M32" i="2"/>
  <c r="Q32" i="2"/>
  <c r="H120" i="2"/>
  <c r="H118" i="2"/>
  <c r="L120" i="2"/>
  <c r="L118" i="2"/>
  <c r="P120" i="2"/>
  <c r="P118" i="2"/>
  <c r="J119" i="2"/>
  <c r="N119" i="2"/>
  <c r="H165" i="2"/>
  <c r="L165" i="2"/>
  <c r="P165" i="2"/>
  <c r="J166" i="2"/>
  <c r="N166" i="2"/>
  <c r="I34" i="3"/>
  <c r="I41" i="3" s="1"/>
  <c r="M34" i="3"/>
  <c r="M39" i="3" s="1"/>
  <c r="Q34" i="3"/>
  <c r="Q41" i="3" s="1"/>
  <c r="I119" i="3"/>
  <c r="M119" i="3"/>
  <c r="M34" i="4"/>
  <c r="J39" i="4"/>
  <c r="N119" i="4"/>
  <c r="N32" i="1"/>
  <c r="I119" i="1"/>
  <c r="M119" i="1"/>
  <c r="G164" i="1"/>
  <c r="O164" i="1"/>
  <c r="G166" i="1"/>
  <c r="O166" i="1"/>
  <c r="K159" i="1"/>
  <c r="K166" i="1" s="1"/>
  <c r="G31" i="2"/>
  <c r="G26" i="2"/>
  <c r="K31" i="2"/>
  <c r="K26" i="2"/>
  <c r="O31" i="2"/>
  <c r="O26" i="2"/>
  <c r="H26" i="2"/>
  <c r="L26" i="2"/>
  <c r="P26" i="2"/>
  <c r="J32" i="2"/>
  <c r="N32" i="2"/>
  <c r="G119" i="2"/>
  <c r="K119" i="2"/>
  <c r="O119" i="2"/>
  <c r="I120" i="2"/>
  <c r="M120" i="2"/>
  <c r="G166" i="2"/>
  <c r="G164" i="2"/>
  <c r="K166" i="2"/>
  <c r="K164" i="2"/>
  <c r="O166" i="2"/>
  <c r="O164" i="2"/>
  <c r="I165" i="2"/>
  <c r="M165" i="2"/>
  <c r="J34" i="3"/>
  <c r="J41" i="3" s="1"/>
  <c r="N34" i="3"/>
  <c r="N40" i="3" s="1"/>
  <c r="M40" i="3"/>
  <c r="G41" i="3"/>
  <c r="K41" i="3"/>
  <c r="O41" i="3"/>
  <c r="N165" i="3"/>
  <c r="M40" i="4"/>
  <c r="Q40" i="4"/>
  <c r="G118" i="2"/>
  <c r="K118" i="2"/>
  <c r="O118" i="2"/>
  <c r="Q120" i="2"/>
  <c r="J164" i="2"/>
  <c r="N164" i="2"/>
  <c r="J26" i="3"/>
  <c r="N26" i="3"/>
  <c r="H119" i="3"/>
  <c r="L119" i="3"/>
  <c r="P119" i="3"/>
  <c r="Q120" i="3"/>
  <c r="Q118" i="3"/>
  <c r="I165" i="3"/>
  <c r="M165" i="3"/>
  <c r="K41" i="4"/>
  <c r="L31" i="4"/>
  <c r="H118" i="4"/>
  <c r="L118" i="4"/>
  <c r="P118" i="4"/>
  <c r="H120" i="4"/>
  <c r="L120" i="4"/>
  <c r="P120" i="4"/>
  <c r="I118" i="4"/>
  <c r="K120" i="4"/>
  <c r="I159" i="4"/>
  <c r="I165" i="4" s="1"/>
  <c r="I164" i="4"/>
  <c r="M159" i="4"/>
  <c r="M165" i="4" s="1"/>
  <c r="M164" i="4"/>
  <c r="K165" i="4"/>
  <c r="O165" i="4"/>
  <c r="I166" i="4"/>
  <c r="M166" i="4"/>
  <c r="G159" i="4"/>
  <c r="G165" i="4" s="1"/>
  <c r="H164" i="4"/>
  <c r="H40" i="5"/>
  <c r="P40" i="5"/>
  <c r="G120" i="5"/>
  <c r="O120" i="5"/>
  <c r="M34" i="6"/>
  <c r="M40" i="6" s="1"/>
  <c r="Q40" i="6"/>
  <c r="K165" i="6"/>
  <c r="Q119" i="2"/>
  <c r="H31" i="3"/>
  <c r="L31" i="3"/>
  <c r="P31" i="3"/>
  <c r="K118" i="3"/>
  <c r="K120" i="3"/>
  <c r="O120" i="3"/>
  <c r="K113" i="3"/>
  <c r="H164" i="3"/>
  <c r="L164" i="3"/>
  <c r="L166" i="3"/>
  <c r="K39" i="4"/>
  <c r="O39" i="4"/>
  <c r="N40" i="4"/>
  <c r="N34" i="4"/>
  <c r="G119" i="4"/>
  <c r="K119" i="4"/>
  <c r="O119" i="4"/>
  <c r="O120" i="4"/>
  <c r="J164" i="4"/>
  <c r="J166" i="4"/>
  <c r="N164" i="4"/>
  <c r="N166" i="4"/>
  <c r="H165" i="4"/>
  <c r="L164" i="4"/>
  <c r="J34" i="5"/>
  <c r="J39" i="5" s="1"/>
  <c r="N34" i="5"/>
  <c r="N41" i="5" s="1"/>
  <c r="H120" i="5"/>
  <c r="H118" i="5"/>
  <c r="L120" i="5"/>
  <c r="L118" i="5"/>
  <c r="P120" i="5"/>
  <c r="P118" i="5"/>
  <c r="I118" i="2"/>
  <c r="M118" i="2"/>
  <c r="H164" i="2"/>
  <c r="L164" i="2"/>
  <c r="P164" i="2"/>
  <c r="J119" i="3"/>
  <c r="N119" i="3"/>
  <c r="G165" i="3"/>
  <c r="K165" i="3"/>
  <c r="O165" i="3"/>
  <c r="H159" i="3"/>
  <c r="H166" i="3" s="1"/>
  <c r="P159" i="3"/>
  <c r="P165" i="3" s="1"/>
  <c r="M41" i="4"/>
  <c r="H31" i="4"/>
  <c r="P31" i="4"/>
  <c r="G34" i="4"/>
  <c r="G40" i="4" s="1"/>
  <c r="O34" i="4"/>
  <c r="O40" i="4" s="1"/>
  <c r="N118" i="4"/>
  <c r="J120" i="4"/>
  <c r="N120" i="4"/>
  <c r="J113" i="4"/>
  <c r="J119" i="4" s="1"/>
  <c r="M118" i="4"/>
  <c r="G120" i="4"/>
  <c r="K164" i="4"/>
  <c r="K166" i="4"/>
  <c r="P164" i="4"/>
  <c r="G39" i="5"/>
  <c r="G34" i="5"/>
  <c r="K39" i="5"/>
  <c r="K34" i="5"/>
  <c r="O39" i="5"/>
  <c r="O34" i="5"/>
  <c r="J40" i="5"/>
  <c r="H41" i="5"/>
  <c r="P41" i="5"/>
  <c r="G41" i="5"/>
  <c r="K41" i="5"/>
  <c r="O41" i="5"/>
  <c r="I120" i="5"/>
  <c r="M120" i="5"/>
  <c r="L165" i="5"/>
  <c r="P165" i="5"/>
  <c r="K40" i="6"/>
  <c r="M165" i="6"/>
  <c r="I118" i="3"/>
  <c r="M118" i="3"/>
  <c r="I120" i="3"/>
  <c r="M120" i="3"/>
  <c r="G113" i="3"/>
  <c r="G119" i="3" s="1"/>
  <c r="O113" i="3"/>
  <c r="O118" i="3" s="1"/>
  <c r="N164" i="3"/>
  <c r="J166" i="3"/>
  <c r="N166" i="3"/>
  <c r="J159" i="3"/>
  <c r="J165" i="3" s="1"/>
  <c r="M39" i="4"/>
  <c r="Q39" i="4"/>
  <c r="J34" i="4"/>
  <c r="J41" i="4" s="1"/>
  <c r="I34" i="4"/>
  <c r="I41" i="4" s="1"/>
  <c r="Q34" i="4"/>
  <c r="Q41" i="4" s="1"/>
  <c r="N39" i="4"/>
  <c r="I119" i="4"/>
  <c r="M119" i="4"/>
  <c r="J165" i="4"/>
  <c r="N165" i="4"/>
  <c r="H34" i="5"/>
  <c r="H39" i="5"/>
  <c r="L34" i="5"/>
  <c r="L40" i="5" s="1"/>
  <c r="L39" i="5"/>
  <c r="P34" i="5"/>
  <c r="P39" i="5"/>
  <c r="G40" i="5"/>
  <c r="K40" i="5"/>
  <c r="O40" i="5"/>
  <c r="J118" i="5"/>
  <c r="J120" i="5"/>
  <c r="N118" i="5"/>
  <c r="N120" i="5"/>
  <c r="H119" i="5"/>
  <c r="L119" i="5"/>
  <c r="P119" i="5"/>
  <c r="N119" i="6"/>
  <c r="Q166" i="4"/>
  <c r="G26" i="5"/>
  <c r="K26" i="5"/>
  <c r="O26" i="5"/>
  <c r="Q120" i="5"/>
  <c r="I165" i="5"/>
  <c r="M165" i="5"/>
  <c r="G164" i="5"/>
  <c r="O164" i="5"/>
  <c r="K41" i="6"/>
  <c r="O41" i="6"/>
  <c r="L31" i="6"/>
  <c r="H118" i="6"/>
  <c r="L118" i="6"/>
  <c r="P118" i="6"/>
  <c r="H120" i="6"/>
  <c r="L120" i="6"/>
  <c r="P120" i="6"/>
  <c r="I118" i="6"/>
  <c r="J165" i="6"/>
  <c r="N165" i="6"/>
  <c r="G165" i="6"/>
  <c r="O165" i="6"/>
  <c r="H26" i="7"/>
  <c r="G32" i="7"/>
  <c r="O32" i="7"/>
  <c r="I33" i="7"/>
  <c r="Q33" i="7"/>
  <c r="I31" i="5"/>
  <c r="M31" i="5"/>
  <c r="Q31" i="5"/>
  <c r="G113" i="5"/>
  <c r="G118" i="5" s="1"/>
  <c r="K113" i="5"/>
  <c r="K120" i="5" s="1"/>
  <c r="O113" i="5"/>
  <c r="O118" i="5" s="1"/>
  <c r="L164" i="5"/>
  <c r="P164" i="5"/>
  <c r="L166" i="5"/>
  <c r="N159" i="5"/>
  <c r="N165" i="5" s="1"/>
  <c r="K39" i="6"/>
  <c r="J40" i="6"/>
  <c r="N34" i="6"/>
  <c r="N41" i="6" s="1"/>
  <c r="M120" i="6"/>
  <c r="M164" i="6"/>
  <c r="M166" i="6"/>
  <c r="I31" i="7"/>
  <c r="I26" i="7"/>
  <c r="M31" i="7"/>
  <c r="M26" i="7"/>
  <c r="Q31" i="7"/>
  <c r="Q26" i="7"/>
  <c r="N31" i="7"/>
  <c r="N26" i="7"/>
  <c r="G120" i="7"/>
  <c r="O120" i="7"/>
  <c r="I118" i="5"/>
  <c r="M118" i="5"/>
  <c r="G165" i="5"/>
  <c r="K165" i="5"/>
  <c r="O165" i="5"/>
  <c r="H159" i="5"/>
  <c r="H165" i="5" s="1"/>
  <c r="P159" i="5"/>
  <c r="P166" i="5" s="1"/>
  <c r="K164" i="5"/>
  <c r="M41" i="6"/>
  <c r="H31" i="6"/>
  <c r="P31" i="6"/>
  <c r="G34" i="6"/>
  <c r="G40" i="6" s="1"/>
  <c r="O34" i="6"/>
  <c r="O40" i="6" s="1"/>
  <c r="N118" i="6"/>
  <c r="N120" i="6"/>
  <c r="J113" i="6"/>
  <c r="J118" i="6" s="1"/>
  <c r="G120" i="6"/>
  <c r="O120" i="6"/>
  <c r="H165" i="6"/>
  <c r="L165" i="6"/>
  <c r="P165" i="6"/>
  <c r="I159" i="6"/>
  <c r="I165" i="6" s="1"/>
  <c r="Q164" i="6"/>
  <c r="Q166" i="6"/>
  <c r="J31" i="7"/>
  <c r="G33" i="7"/>
  <c r="O33" i="7"/>
  <c r="J159" i="5"/>
  <c r="J164" i="5" s="1"/>
  <c r="M39" i="6"/>
  <c r="J34" i="6"/>
  <c r="J39" i="6" s="1"/>
  <c r="I34" i="6"/>
  <c r="I40" i="6" s="1"/>
  <c r="Q34" i="6"/>
  <c r="Q41" i="6" s="1"/>
  <c r="N39" i="6"/>
  <c r="I119" i="6"/>
  <c r="M119" i="6"/>
  <c r="G164" i="6"/>
  <c r="K164" i="6"/>
  <c r="O164" i="6"/>
  <c r="G166" i="6"/>
  <c r="O166" i="6"/>
  <c r="K159" i="6"/>
  <c r="K166" i="6" s="1"/>
  <c r="G26" i="7"/>
  <c r="G31" i="7"/>
  <c r="K26" i="7"/>
  <c r="K31" i="7"/>
  <c r="O26" i="7"/>
  <c r="O31" i="7"/>
  <c r="L26" i="7"/>
  <c r="J32" i="7"/>
  <c r="N32" i="7"/>
  <c r="K32" i="7"/>
  <c r="H33" i="7"/>
  <c r="L33" i="7"/>
  <c r="P33" i="7"/>
  <c r="M33" i="7"/>
  <c r="I32" i="7"/>
  <c r="M32" i="7"/>
  <c r="Q32" i="7"/>
  <c r="L120" i="7"/>
  <c r="I166" i="7"/>
  <c r="M166" i="7"/>
  <c r="I164" i="7"/>
  <c r="O166" i="7"/>
  <c r="I120" i="7"/>
  <c r="M120" i="7"/>
  <c r="J159" i="7"/>
  <c r="J165" i="7" s="1"/>
  <c r="J164" i="7"/>
  <c r="N159" i="7"/>
  <c r="N165" i="7" s="1"/>
  <c r="N164" i="7"/>
  <c r="H165" i="7"/>
  <c r="J166" i="7"/>
  <c r="L159" i="7"/>
  <c r="L164" i="7" s="1"/>
  <c r="J31" i="8"/>
  <c r="N26" i="8"/>
  <c r="I32" i="8"/>
  <c r="M32" i="8"/>
  <c r="Q32" i="8"/>
  <c r="J119" i="8"/>
  <c r="H31" i="7"/>
  <c r="L31" i="7"/>
  <c r="P31" i="7"/>
  <c r="J26" i="7"/>
  <c r="P26" i="7"/>
  <c r="H119" i="7"/>
  <c r="L119" i="7"/>
  <c r="P119" i="7"/>
  <c r="J120" i="7"/>
  <c r="N120" i="7"/>
  <c r="Q119" i="7"/>
  <c r="Q120" i="7"/>
  <c r="N118" i="7"/>
  <c r="H120" i="7"/>
  <c r="P120" i="7"/>
  <c r="P159" i="7"/>
  <c r="P164" i="7" s="1"/>
  <c r="G166" i="7"/>
  <c r="G34" i="8"/>
  <c r="G39" i="8" s="1"/>
  <c r="G113" i="7"/>
  <c r="G119" i="7" s="1"/>
  <c r="G118" i="7"/>
  <c r="K113" i="7"/>
  <c r="K119" i="7" s="1"/>
  <c r="K118" i="7"/>
  <c r="O113" i="7"/>
  <c r="O119" i="7" s="1"/>
  <c r="O118" i="7"/>
  <c r="I119" i="7"/>
  <c r="M119" i="7"/>
  <c r="H166" i="7"/>
  <c r="L166" i="7"/>
  <c r="H26" i="8"/>
  <c r="H31" i="8"/>
  <c r="L31" i="8"/>
  <c r="L26" i="8"/>
  <c r="P26" i="8"/>
  <c r="P31" i="8"/>
  <c r="N34" i="8"/>
  <c r="N39" i="8" s="1"/>
  <c r="G40" i="8"/>
  <c r="M165" i="8"/>
  <c r="G165" i="7"/>
  <c r="K165" i="7"/>
  <c r="O165" i="7"/>
  <c r="I31" i="8"/>
  <c r="M31" i="8"/>
  <c r="Q31" i="8"/>
  <c r="H32" i="8"/>
  <c r="L32" i="8"/>
  <c r="P32" i="8"/>
  <c r="J26" i="8"/>
  <c r="N118" i="8"/>
  <c r="N120" i="8"/>
  <c r="J113" i="8"/>
  <c r="J118" i="8" s="1"/>
  <c r="M118" i="8"/>
  <c r="G120" i="8"/>
  <c r="O120" i="8"/>
  <c r="H165" i="8"/>
  <c r="L165" i="8"/>
  <c r="P165" i="8"/>
  <c r="Q166" i="8"/>
  <c r="Q164" i="8"/>
  <c r="H166" i="8"/>
  <c r="P166" i="8"/>
  <c r="J31" i="9"/>
  <c r="N31" i="9"/>
  <c r="I32" i="9"/>
  <c r="M32" i="9"/>
  <c r="Q32" i="9"/>
  <c r="J120" i="9"/>
  <c r="J118" i="9"/>
  <c r="N120" i="9"/>
  <c r="N118" i="9"/>
  <c r="H119" i="9"/>
  <c r="L119" i="9"/>
  <c r="P119" i="9"/>
  <c r="J165" i="9"/>
  <c r="N165" i="9"/>
  <c r="H166" i="9"/>
  <c r="L166" i="9"/>
  <c r="P166" i="9"/>
  <c r="G33" i="8"/>
  <c r="K33" i="8"/>
  <c r="O33" i="8"/>
  <c r="G26" i="8"/>
  <c r="K26" i="8"/>
  <c r="O26" i="8"/>
  <c r="I119" i="8"/>
  <c r="M119" i="8"/>
  <c r="I120" i="8"/>
  <c r="G164" i="8"/>
  <c r="O164" i="8"/>
  <c r="G166" i="8"/>
  <c r="O166" i="8"/>
  <c r="K159" i="8"/>
  <c r="K166" i="8" s="1"/>
  <c r="G26" i="9"/>
  <c r="G31" i="9"/>
  <c r="K26" i="9"/>
  <c r="K31" i="9"/>
  <c r="O26" i="9"/>
  <c r="O31" i="9"/>
  <c r="L26" i="9"/>
  <c r="P26" i="9"/>
  <c r="J32" i="9"/>
  <c r="N32" i="9"/>
  <c r="H33" i="9"/>
  <c r="L33" i="9"/>
  <c r="P33" i="9"/>
  <c r="I33" i="9"/>
  <c r="M33" i="9"/>
  <c r="Q33" i="9"/>
  <c r="I119" i="9"/>
  <c r="M119" i="9"/>
  <c r="G120" i="9"/>
  <c r="K120" i="9"/>
  <c r="O120" i="9"/>
  <c r="I166" i="9"/>
  <c r="I164" i="9"/>
  <c r="M166" i="9"/>
  <c r="M164" i="9"/>
  <c r="G165" i="9"/>
  <c r="K165" i="9"/>
  <c r="O165" i="9"/>
  <c r="J32" i="8"/>
  <c r="N32" i="8"/>
  <c r="K34" i="8"/>
  <c r="K40" i="8" s="1"/>
  <c r="H118" i="8"/>
  <c r="L118" i="8"/>
  <c r="P118" i="8"/>
  <c r="H120" i="8"/>
  <c r="L120" i="8"/>
  <c r="P120" i="8"/>
  <c r="N113" i="8"/>
  <c r="N119" i="8" s="1"/>
  <c r="G165" i="8"/>
  <c r="O165" i="8"/>
  <c r="H34" i="9"/>
  <c r="H39" i="9" s="1"/>
  <c r="L34" i="9"/>
  <c r="L39" i="9" s="1"/>
  <c r="P34" i="9"/>
  <c r="P39" i="9" s="1"/>
  <c r="G32" i="9"/>
  <c r="K32" i="9"/>
  <c r="O32" i="9"/>
  <c r="H118" i="9"/>
  <c r="H120" i="9"/>
  <c r="L118" i="9"/>
  <c r="L120" i="9"/>
  <c r="P118" i="9"/>
  <c r="P120" i="9"/>
  <c r="J166" i="9"/>
  <c r="N166" i="9"/>
  <c r="I164" i="8"/>
  <c r="M164" i="8"/>
  <c r="I166" i="8"/>
  <c r="M166" i="8"/>
  <c r="I31" i="9"/>
  <c r="I26" i="9"/>
  <c r="M31" i="9"/>
  <c r="M26" i="9"/>
  <c r="Q31" i="9"/>
  <c r="Q26" i="9"/>
  <c r="H40" i="9"/>
  <c r="P40" i="9"/>
  <c r="I120" i="9"/>
  <c r="M120" i="9"/>
  <c r="G164" i="9"/>
  <c r="G166" i="9"/>
  <c r="K164" i="9"/>
  <c r="K166" i="9"/>
  <c r="O164" i="9"/>
  <c r="O166" i="9"/>
  <c r="I118" i="9"/>
  <c r="M118" i="9"/>
  <c r="Q118" i="9"/>
  <c r="H164" i="9"/>
  <c r="L164" i="9"/>
  <c r="P164" i="9"/>
  <c r="G118" i="9"/>
  <c r="K118" i="9"/>
  <c r="O118" i="9"/>
  <c r="Q120" i="9"/>
  <c r="J164" i="9"/>
  <c r="N164" i="9"/>
  <c r="Q39" i="1" l="1"/>
  <c r="Q40" i="1"/>
  <c r="Q39" i="9"/>
  <c r="Q34" i="9"/>
  <c r="I39" i="9"/>
  <c r="I34" i="9"/>
  <c r="L41" i="9"/>
  <c r="K34" i="9"/>
  <c r="K41" i="9" s="1"/>
  <c r="Q40" i="9"/>
  <c r="K165" i="8"/>
  <c r="J166" i="5"/>
  <c r="J120" i="6"/>
  <c r="N34" i="7"/>
  <c r="N41" i="7" s="1"/>
  <c r="M34" i="7"/>
  <c r="M39" i="7" s="1"/>
  <c r="H164" i="5"/>
  <c r="Q34" i="5"/>
  <c r="Q39" i="5" s="1"/>
  <c r="L40" i="9"/>
  <c r="H41" i="9"/>
  <c r="K164" i="8"/>
  <c r="J120" i="8"/>
  <c r="M34" i="8"/>
  <c r="M41" i="8" s="1"/>
  <c r="N41" i="8"/>
  <c r="P166" i="7"/>
  <c r="O34" i="8"/>
  <c r="P34" i="7"/>
  <c r="P40" i="7" s="1"/>
  <c r="I40" i="8"/>
  <c r="N166" i="7"/>
  <c r="M41" i="7"/>
  <c r="O34" i="7"/>
  <c r="O39" i="7" s="1"/>
  <c r="G34" i="7"/>
  <c r="G41" i="7" s="1"/>
  <c r="I39" i="6"/>
  <c r="N164" i="5"/>
  <c r="J34" i="7"/>
  <c r="J41" i="7" s="1"/>
  <c r="P34" i="6"/>
  <c r="P39" i="6" s="1"/>
  <c r="I41" i="6"/>
  <c r="N40" i="6"/>
  <c r="G39" i="6"/>
  <c r="H166" i="5"/>
  <c r="M34" i="5"/>
  <c r="M39" i="5" s="1"/>
  <c r="O40" i="7"/>
  <c r="J119" i="6"/>
  <c r="O119" i="5"/>
  <c r="N40" i="5"/>
  <c r="G164" i="4"/>
  <c r="N39" i="5"/>
  <c r="J40" i="4"/>
  <c r="P166" i="3"/>
  <c r="G118" i="3"/>
  <c r="J165" i="5"/>
  <c r="J41" i="5"/>
  <c r="O41" i="4"/>
  <c r="I40" i="3"/>
  <c r="J39" i="3"/>
  <c r="N40" i="2"/>
  <c r="K34" i="2"/>
  <c r="K41" i="2" s="1"/>
  <c r="K164" i="1"/>
  <c r="Q39" i="3"/>
  <c r="I39" i="3"/>
  <c r="H165" i="3"/>
  <c r="M41" i="3"/>
  <c r="Q34" i="2"/>
  <c r="Q41" i="2" s="1"/>
  <c r="I34" i="2"/>
  <c r="I41" i="2" s="1"/>
  <c r="G39" i="1"/>
  <c r="G34" i="1"/>
  <c r="G40" i="1" s="1"/>
  <c r="O119" i="3"/>
  <c r="J40" i="3"/>
  <c r="K40" i="2"/>
  <c r="H34" i="2"/>
  <c r="H39" i="2"/>
  <c r="M34" i="1"/>
  <c r="M41" i="1" s="1"/>
  <c r="P39" i="1"/>
  <c r="H39" i="1"/>
  <c r="K165" i="1"/>
  <c r="K39" i="8"/>
  <c r="I41" i="9"/>
  <c r="O34" i="9"/>
  <c r="O41" i="9" s="1"/>
  <c r="K41" i="8"/>
  <c r="I39" i="8"/>
  <c r="I34" i="8"/>
  <c r="I41" i="8" s="1"/>
  <c r="L34" i="7"/>
  <c r="L40" i="7" s="1"/>
  <c r="P41" i="7"/>
  <c r="I34" i="7"/>
  <c r="I40" i="7" s="1"/>
  <c r="I164" i="6"/>
  <c r="I34" i="5"/>
  <c r="I39" i="5" s="1"/>
  <c r="G41" i="6"/>
  <c r="K119" i="5"/>
  <c r="G120" i="3"/>
  <c r="P34" i="3"/>
  <c r="P39" i="3"/>
  <c r="K118" i="5"/>
  <c r="I40" i="4"/>
  <c r="J118" i="1"/>
  <c r="K34" i="1"/>
  <c r="K40" i="1" s="1"/>
  <c r="N41" i="3"/>
  <c r="P41" i="1"/>
  <c r="M34" i="9"/>
  <c r="M39" i="9" s="1"/>
  <c r="N40" i="9"/>
  <c r="G34" i="9"/>
  <c r="G41" i="9" s="1"/>
  <c r="G39" i="9"/>
  <c r="I40" i="9"/>
  <c r="L34" i="8"/>
  <c r="L41" i="8" s="1"/>
  <c r="Q40" i="7"/>
  <c r="H34" i="6"/>
  <c r="H39" i="6" s="1"/>
  <c r="Q39" i="7"/>
  <c r="Q34" i="7"/>
  <c r="G40" i="7"/>
  <c r="N40" i="8"/>
  <c r="P41" i="9"/>
  <c r="G41" i="8"/>
  <c r="N34" i="9"/>
  <c r="N41" i="9" s="1"/>
  <c r="N39" i="9"/>
  <c r="P34" i="8"/>
  <c r="P41" i="8" s="1"/>
  <c r="H34" i="8"/>
  <c r="H41" i="8" s="1"/>
  <c r="H39" i="7"/>
  <c r="H34" i="7"/>
  <c r="H40" i="7" s="1"/>
  <c r="J34" i="8"/>
  <c r="J41" i="8" s="1"/>
  <c r="J39" i="8"/>
  <c r="P165" i="7"/>
  <c r="M40" i="7"/>
  <c r="J40" i="7"/>
  <c r="K34" i="7"/>
  <c r="K41" i="7" s="1"/>
  <c r="K39" i="7"/>
  <c r="Q39" i="6"/>
  <c r="N166" i="5"/>
  <c r="O41" i="7"/>
  <c r="K120" i="7"/>
  <c r="O39" i="6"/>
  <c r="Q41" i="7"/>
  <c r="L34" i="6"/>
  <c r="L39" i="6"/>
  <c r="I39" i="4"/>
  <c r="J41" i="6"/>
  <c r="G119" i="5"/>
  <c r="L41" i="5"/>
  <c r="G166" i="4"/>
  <c r="P34" i="4"/>
  <c r="P39" i="4" s="1"/>
  <c r="L34" i="3"/>
  <c r="L39" i="3" s="1"/>
  <c r="G41" i="4"/>
  <c r="Q40" i="3"/>
  <c r="N39" i="3"/>
  <c r="O34" i="2"/>
  <c r="O41" i="2" s="1"/>
  <c r="G34" i="2"/>
  <c r="G41" i="2" s="1"/>
  <c r="N34" i="2"/>
  <c r="N41" i="2" s="1"/>
  <c r="N39" i="2"/>
  <c r="M34" i="2"/>
  <c r="M41" i="2" s="1"/>
  <c r="P34" i="2"/>
  <c r="P39" i="2" s="1"/>
  <c r="J40" i="1"/>
  <c r="I34" i="1"/>
  <c r="L39" i="1"/>
  <c r="J40" i="8"/>
  <c r="Q41" i="9"/>
  <c r="J34" i="9"/>
  <c r="J41" i="9" s="1"/>
  <c r="J39" i="9"/>
  <c r="Q34" i="8"/>
  <c r="Q41" i="8" s="1"/>
  <c r="L165" i="7"/>
  <c r="H41" i="7"/>
  <c r="I166" i="6"/>
  <c r="I41" i="7"/>
  <c r="J164" i="3"/>
  <c r="J118" i="4"/>
  <c r="H34" i="4"/>
  <c r="H39" i="4"/>
  <c r="G39" i="4"/>
  <c r="P164" i="3"/>
  <c r="H34" i="3"/>
  <c r="H39" i="3"/>
  <c r="L34" i="4"/>
  <c r="L39" i="4"/>
  <c r="Q40" i="2"/>
  <c r="J34" i="2"/>
  <c r="J41" i="2" s="1"/>
  <c r="J120" i="1"/>
  <c r="O39" i="1"/>
  <c r="O34" i="1"/>
  <c r="O40" i="1" s="1"/>
  <c r="O40" i="2"/>
  <c r="L34" i="2"/>
  <c r="L39" i="2"/>
  <c r="Q41" i="1"/>
  <c r="N34" i="1"/>
  <c r="J39" i="2" l="1"/>
  <c r="L41" i="4"/>
  <c r="L40" i="4"/>
  <c r="I39" i="1"/>
  <c r="I40" i="1"/>
  <c r="M39" i="2"/>
  <c r="O39" i="2"/>
  <c r="L41" i="7"/>
  <c r="H39" i="8"/>
  <c r="H40" i="8"/>
  <c r="J40" i="9"/>
  <c r="N40" i="7"/>
  <c r="G40" i="9"/>
  <c r="I41" i="1"/>
  <c r="K39" i="1"/>
  <c r="J40" i="2"/>
  <c r="P40" i="3"/>
  <c r="P41" i="3"/>
  <c r="I39" i="7"/>
  <c r="O39" i="9"/>
  <c r="I39" i="2"/>
  <c r="K39" i="2"/>
  <c r="J39" i="7"/>
  <c r="G39" i="7"/>
  <c r="K40" i="7"/>
  <c r="P39" i="7"/>
  <c r="L40" i="3"/>
  <c r="L41" i="3"/>
  <c r="Q40" i="8"/>
  <c r="G40" i="2"/>
  <c r="I40" i="5"/>
  <c r="I41" i="5"/>
  <c r="M41" i="5"/>
  <c r="M40" i="5"/>
  <c r="M40" i="9"/>
  <c r="M41" i="9"/>
  <c r="Q41" i="5"/>
  <c r="Q40" i="5"/>
  <c r="O40" i="9"/>
  <c r="L40" i="2"/>
  <c r="L41" i="2"/>
  <c r="K41" i="1"/>
  <c r="H40" i="3"/>
  <c r="H41" i="3"/>
  <c r="H40" i="4"/>
  <c r="H41" i="4"/>
  <c r="Q39" i="8"/>
  <c r="O41" i="1"/>
  <c r="G39" i="2"/>
  <c r="L41" i="6"/>
  <c r="L40" i="6"/>
  <c r="P39" i="8"/>
  <c r="L39" i="8"/>
  <c r="I40" i="2"/>
  <c r="L39" i="7"/>
  <c r="L40" i="8"/>
  <c r="H40" i="2"/>
  <c r="H41" i="2"/>
  <c r="Q39" i="2"/>
  <c r="G41" i="1"/>
  <c r="O40" i="8"/>
  <c r="O39" i="8"/>
  <c r="M39" i="8"/>
  <c r="O41" i="8"/>
  <c r="K40" i="9"/>
  <c r="N39" i="7"/>
  <c r="K39" i="9"/>
  <c r="N39" i="1"/>
  <c r="N41" i="1"/>
  <c r="P40" i="2"/>
  <c r="P41" i="2"/>
  <c r="P40" i="4"/>
  <c r="P41" i="4"/>
  <c r="H41" i="6"/>
  <c r="H40" i="6"/>
  <c r="N40" i="1"/>
  <c r="M39" i="1"/>
  <c r="M40" i="1"/>
  <c r="M40" i="2"/>
  <c r="P41" i="6"/>
  <c r="P40" i="6"/>
  <c r="P40" i="8"/>
  <c r="M40" i="8"/>
</calcChain>
</file>

<file path=xl/sharedStrings.xml><?xml version="1.0" encoding="utf-8"?>
<sst xmlns="http://schemas.openxmlformats.org/spreadsheetml/2006/main" count="5148" uniqueCount="97">
  <si>
    <t>0401．速星（合計）・各年９月末住民基本台帳人口</t>
    <rPh sb="5" eb="6">
      <t>ハヤ</t>
    </rPh>
    <rPh sb="6" eb="7">
      <t>ホシ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r>
      <rPr>
        <sz val="18"/>
        <rFont val="ＭＳ Ｐ明朝"/>
        <family val="1"/>
        <charset val="128"/>
      </rPr>
      <t>年齢</t>
    </r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  <phoneticPr fontId="3"/>
  </si>
  <si>
    <r>
      <rPr>
        <sz val="18"/>
        <rFont val="ＭＳ Ｐ明朝"/>
        <family val="1"/>
        <charset val="128"/>
      </rP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  <rPh sb="0" eb="2">
      <t>レイワ</t>
    </rPh>
    <rPh sb="2" eb="3">
      <t>ガ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  <phoneticPr fontId="3"/>
  </si>
  <si>
    <t>-</t>
    <phoneticPr fontId="3"/>
  </si>
  <si>
    <t>-</t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  <phoneticPr fontId="3"/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  <phoneticPr fontId="3"/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  <phoneticPr fontId="3"/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  <phoneticPr fontId="3"/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  <phoneticPr fontId="3"/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  <phoneticPr fontId="3"/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  <phoneticPr fontId="3"/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  <phoneticPr fontId="3"/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  <phoneticPr fontId="3"/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  <phoneticPr fontId="3"/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phoneticPr fontId="3"/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  <phoneticPr fontId="3"/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  <phoneticPr fontId="3"/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  <phoneticPr fontId="3"/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  <phoneticPr fontId="3"/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  <phoneticPr fontId="3"/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  <phoneticPr fontId="3"/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  <phoneticPr fontId="3"/>
  </si>
  <si>
    <r>
      <t>100</t>
    </r>
    <r>
      <rPr>
        <sz val="18"/>
        <rFont val="ＭＳ Ｐ明朝"/>
        <family val="1"/>
        <charset val="128"/>
      </rPr>
      <t>～</t>
    </r>
    <phoneticPr fontId="3"/>
  </si>
  <si>
    <t>男女計</t>
    <rPh sb="0" eb="3">
      <t>ダンジョケイ</t>
    </rPh>
    <phoneticPr fontId="3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3"/>
  </si>
  <si>
    <t>年齢</t>
  </si>
  <si>
    <r>
      <t>昭和</t>
    </r>
    <r>
      <rPr>
        <sz val="18"/>
        <rFont val="Century"/>
        <family val="1"/>
      </rPr>
      <t>55</t>
    </r>
  </si>
  <si>
    <r>
      <t>平成</t>
    </r>
    <r>
      <rPr>
        <sz val="18"/>
        <rFont val="Century"/>
        <family val="1"/>
      </rPr>
      <t>2</t>
    </r>
    <rPh sb="0" eb="2">
      <t>ヘイセイ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  <rPh sb="4" eb="5">
      <t>サイ</t>
    </rPh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  <rPh sb="5" eb="6">
      <t>サイ</t>
    </rPh>
    <phoneticPr fontId="3"/>
  </si>
  <si>
    <r>
      <t>65</t>
    </r>
    <r>
      <rPr>
        <sz val="18"/>
        <rFont val="ＭＳ Ｐ明朝"/>
        <family val="1"/>
        <charset val="128"/>
      </rPr>
      <t>歳以上</t>
    </r>
    <rPh sb="2" eb="3">
      <t>サイ</t>
    </rPh>
    <rPh sb="3" eb="5">
      <t>イジョウ</t>
    </rPh>
    <phoneticPr fontId="3"/>
  </si>
  <si>
    <t>計</t>
    <rPh sb="0" eb="1">
      <t>ケイ</t>
    </rPh>
    <phoneticPr fontId="3"/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3"/>
  </si>
  <si>
    <t>※　割合は四捨五入してあるので、加えても100にならないことがある。</t>
    <rPh sb="2" eb="4">
      <t>ワリアイ</t>
    </rPh>
    <rPh sb="5" eb="9">
      <t>シシャゴニュウ</t>
    </rPh>
    <rPh sb="16" eb="17">
      <t>クワ</t>
    </rPh>
    <phoneticPr fontId="3"/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3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3"/>
  </si>
  <si>
    <t>0401．速星(男）</t>
    <rPh sb="8" eb="9">
      <t>オトコ</t>
    </rPh>
    <phoneticPr fontId="3"/>
  </si>
  <si>
    <t>男計</t>
    <rPh sb="0" eb="1">
      <t>オトコ</t>
    </rPh>
    <rPh sb="1" eb="2">
      <t>ケイ</t>
    </rPh>
    <phoneticPr fontId="3"/>
  </si>
  <si>
    <t>0401．速星(女）</t>
    <rPh sb="8" eb="9">
      <t>オンナ</t>
    </rPh>
    <phoneticPr fontId="3"/>
  </si>
  <si>
    <t>女計</t>
    <rPh sb="0" eb="1">
      <t>オンナ</t>
    </rPh>
    <rPh sb="1" eb="2">
      <t>ケイ</t>
    </rPh>
    <phoneticPr fontId="3"/>
  </si>
  <si>
    <t>0402．鵜坂（合計）・各年９月末住民基本台帳人口</t>
    <rPh sb="5" eb="6">
      <t>ウ</t>
    </rPh>
    <rPh sb="6" eb="7">
      <t>サカ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402．鵜坂(男）</t>
    <rPh sb="8" eb="9">
      <t>オトコ</t>
    </rPh>
    <phoneticPr fontId="3"/>
  </si>
  <si>
    <t>0402．鵜坂(女）</t>
    <rPh sb="8" eb="9">
      <t>オンナ</t>
    </rPh>
    <phoneticPr fontId="3"/>
  </si>
  <si>
    <t>0403．朝日（合計）・各年９月末住民基本台帳人口</t>
    <rPh sb="5" eb="7">
      <t>アサヒ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403．朝日(男）</t>
    <rPh sb="8" eb="9">
      <t>オトコ</t>
    </rPh>
    <phoneticPr fontId="3"/>
  </si>
  <si>
    <t>0403．朝日(女）</t>
    <rPh sb="8" eb="9">
      <t>オンナ</t>
    </rPh>
    <phoneticPr fontId="3"/>
  </si>
  <si>
    <t>0404．宮川（合計）・各年９月末住民基本台帳人口</t>
    <rPh sb="5" eb="7">
      <t>ミヤカワ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404．宮川(男）</t>
    <rPh sb="8" eb="9">
      <t>オトコ</t>
    </rPh>
    <phoneticPr fontId="3"/>
  </si>
  <si>
    <t>0404．宮川(女）</t>
    <rPh sb="8" eb="9">
      <t>オンナ</t>
    </rPh>
    <phoneticPr fontId="3"/>
  </si>
  <si>
    <t>0405．婦中熊野（合計）・各年９月末住民基本台帳人口</t>
    <rPh sb="5" eb="7">
      <t>フチュウ</t>
    </rPh>
    <rPh sb="7" eb="9">
      <t>クマノ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3"/>
  </si>
  <si>
    <t>0405．婦中熊野(男）</t>
    <rPh sb="10" eb="11">
      <t>オトコ</t>
    </rPh>
    <phoneticPr fontId="3"/>
  </si>
  <si>
    <t>0405．婦中熊野(女）</t>
    <rPh sb="10" eb="11">
      <t>オンナ</t>
    </rPh>
    <phoneticPr fontId="3"/>
  </si>
  <si>
    <t>0406．古里（合計）・各年９月末住民基本台帳人口</t>
    <rPh sb="5" eb="7">
      <t>フルサト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406．古里(男）</t>
    <rPh sb="8" eb="9">
      <t>オトコ</t>
    </rPh>
    <phoneticPr fontId="3"/>
  </si>
  <si>
    <t>0406．古里(女）</t>
    <rPh sb="8" eb="9">
      <t>オンナ</t>
    </rPh>
    <phoneticPr fontId="3"/>
  </si>
  <si>
    <t>0407．音川（合計）・各年９月末住民基本台帳人口</t>
    <rPh sb="5" eb="6">
      <t>オト</t>
    </rPh>
    <rPh sb="6" eb="7">
      <t>カワ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407．音川(男）</t>
    <rPh sb="8" eb="9">
      <t>オトコ</t>
    </rPh>
    <phoneticPr fontId="3"/>
  </si>
  <si>
    <t>0407．音川(女）</t>
    <rPh sb="8" eb="9">
      <t>オンナ</t>
    </rPh>
    <phoneticPr fontId="3"/>
  </si>
  <si>
    <t>0408．神保（合計）・各年９月末住民基本台帳人口</t>
    <rPh sb="5" eb="6">
      <t>ジン</t>
    </rPh>
    <rPh sb="6" eb="7">
      <t>ホ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408．神保(男）</t>
    <rPh sb="8" eb="9">
      <t>オトコ</t>
    </rPh>
    <phoneticPr fontId="3"/>
  </si>
  <si>
    <t>0408．神保(女）</t>
    <rPh sb="8" eb="9">
      <t>オンナ</t>
    </rPh>
    <phoneticPr fontId="3"/>
  </si>
  <si>
    <t>婦中地域（合計）・各年９月末住民基本台帳人口</t>
    <rPh sb="0" eb="2">
      <t>フチュウ</t>
    </rPh>
    <rPh sb="2" eb="4">
      <t>チイキ</t>
    </rPh>
    <rPh sb="5" eb="7">
      <t>ゴウケイ</t>
    </rPh>
    <rPh sb="9" eb="11">
      <t>カクネン</t>
    </rPh>
    <rPh sb="12" eb="13">
      <t>ガツ</t>
    </rPh>
    <rPh sb="13" eb="14">
      <t>マツ</t>
    </rPh>
    <rPh sb="14" eb="16">
      <t>ジュウミン</t>
    </rPh>
    <rPh sb="16" eb="18">
      <t>キホン</t>
    </rPh>
    <rPh sb="18" eb="20">
      <t>ダイチョウ</t>
    </rPh>
    <rPh sb="20" eb="22">
      <t>ジンコウ</t>
    </rPh>
    <phoneticPr fontId="3"/>
  </si>
  <si>
    <t>婦中地域(男）</t>
    <rPh sb="2" eb="4">
      <t>チイキ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Ｐ明朝"/>
        <family val="1"/>
        <charset val="128"/>
      </rPr>
      <t>～</t>
    </r>
  </si>
  <si>
    <t>男計</t>
    <rPh sb="0" eb="1">
      <t>オト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</si>
  <si>
    <r>
      <t>65</t>
    </r>
    <r>
      <rPr>
        <sz val="18"/>
        <rFont val="ＭＳ Ｐ明朝"/>
        <family val="1"/>
        <charset val="128"/>
      </rPr>
      <t>歳以上</t>
    </r>
  </si>
  <si>
    <t>計</t>
  </si>
  <si>
    <t>※　割合は四捨五入してあるので、加えても100にならないことがある。</t>
  </si>
  <si>
    <t>婦中地域(女）</t>
    <rPh sb="2" eb="4">
      <t>チイキ</t>
    </rPh>
    <phoneticPr fontId="3"/>
  </si>
  <si>
    <t>女計</t>
    <rPh sb="0" eb="1">
      <t>オンナ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"/>
  </numFmts>
  <fonts count="1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16"/>
      <name val="Century"/>
      <family val="1"/>
    </font>
    <font>
      <sz val="14"/>
      <name val="ＭＳ 明朝"/>
      <family val="1"/>
      <charset val="128"/>
    </font>
    <font>
      <sz val="18"/>
      <name val="Century"/>
      <family val="1"/>
    </font>
    <font>
      <sz val="18"/>
      <name val="ＭＳ Ｐ明朝"/>
      <family val="1"/>
      <charset val="128"/>
    </font>
    <font>
      <sz val="20"/>
      <name val="ＭＳ 明朝"/>
      <family val="1"/>
      <charset val="128"/>
    </font>
    <font>
      <sz val="16"/>
      <name val="ＭＳ Ｐ明朝"/>
      <family val="1"/>
      <charset val="128"/>
    </font>
    <font>
      <sz val="20"/>
      <name val="Century"/>
      <family val="1"/>
    </font>
    <font>
      <sz val="12"/>
      <name val="HG創英角ﾎﾟｯﾌﾟ体"/>
      <family val="3"/>
      <charset val="128"/>
    </font>
    <font>
      <sz val="20"/>
      <name val="ＭＳ ゴシック"/>
      <family val="3"/>
      <charset val="128"/>
    </font>
    <font>
      <sz val="18"/>
      <name val="ＭＳ 明朝"/>
      <family val="1"/>
      <charset val="128"/>
    </font>
    <font>
      <sz val="16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6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right" vertical="center"/>
    </xf>
    <xf numFmtId="0" fontId="7" fillId="4" borderId="1" xfId="0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38" fontId="7" fillId="0" borderId="1" xfId="1" applyFont="1" applyBorder="1" applyAlignment="1">
      <alignment horizontal="center" vertical="center"/>
    </xf>
    <xf numFmtId="38" fontId="7" fillId="0" borderId="1" xfId="1" applyFont="1" applyBorder="1" applyAlignment="1">
      <alignment horizontal="right" vertical="center"/>
    </xf>
    <xf numFmtId="0" fontId="5" fillId="0" borderId="0" xfId="0" applyFont="1"/>
    <xf numFmtId="38" fontId="9" fillId="0" borderId="0" xfId="0" applyNumberFormat="1" applyFont="1" applyAlignment="1">
      <alignment vertical="center"/>
    </xf>
    <xf numFmtId="0" fontId="9" fillId="0" borderId="0" xfId="0" applyFont="1" applyAlignment="1">
      <alignment vertical="center"/>
    </xf>
    <xf numFmtId="38" fontId="7" fillId="2" borderId="1" xfId="1" applyFont="1" applyFill="1" applyBorder="1" applyAlignment="1">
      <alignment vertical="center"/>
    </xf>
    <xf numFmtId="38" fontId="7" fillId="3" borderId="1" xfId="1" applyFont="1" applyFill="1" applyBorder="1" applyAlignment="1">
      <alignment vertical="center"/>
    </xf>
    <xf numFmtId="38" fontId="7" fillId="4" borderId="1" xfId="1" applyFont="1" applyFill="1" applyBorder="1" applyAlignment="1">
      <alignment vertical="center"/>
    </xf>
    <xf numFmtId="38" fontId="7" fillId="0" borderId="1" xfId="1" applyFont="1" applyBorder="1" applyAlignment="1">
      <alignment vertical="center"/>
    </xf>
    <xf numFmtId="0" fontId="10" fillId="0" borderId="2" xfId="0" applyFont="1" applyBorder="1" applyAlignment="1">
      <alignment horizontal="center" vertical="center"/>
    </xf>
    <xf numFmtId="38" fontId="5" fillId="0" borderId="2" xfId="1" applyFont="1" applyBorder="1" applyAlignment="1">
      <alignment horizontal="right" vertical="center"/>
    </xf>
    <xf numFmtId="38" fontId="5" fillId="0" borderId="0" xfId="1" applyFont="1" applyBorder="1" applyAlignment="1">
      <alignment horizontal="right" vertical="center"/>
    </xf>
    <xf numFmtId="0" fontId="10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left" vertical="center"/>
    </xf>
    <xf numFmtId="3" fontId="11" fillId="0" borderId="3" xfId="1" applyNumberFormat="1" applyFont="1" applyBorder="1" applyAlignment="1">
      <alignment vertical="center"/>
    </xf>
    <xf numFmtId="3" fontId="11" fillId="0" borderId="0" xfId="1" applyNumberFormat="1" applyFont="1" applyBorder="1" applyAlignment="1">
      <alignment vertical="center"/>
    </xf>
    <xf numFmtId="176" fontId="7" fillId="2" borderId="1" xfId="0" applyNumberFormat="1" applyFont="1" applyFill="1" applyBorder="1" applyAlignment="1">
      <alignment horizontal="center" vertical="center"/>
    </xf>
    <xf numFmtId="176" fontId="7" fillId="2" borderId="1" xfId="0" applyNumberFormat="1" applyFont="1" applyFill="1" applyBorder="1" applyAlignment="1">
      <alignment vertical="center"/>
    </xf>
    <xf numFmtId="176" fontId="7" fillId="3" borderId="1" xfId="0" applyNumberFormat="1" applyFont="1" applyFill="1" applyBorder="1" applyAlignment="1">
      <alignment horizontal="center" vertical="center"/>
    </xf>
    <xf numFmtId="176" fontId="7" fillId="3" borderId="1" xfId="0" applyNumberFormat="1" applyFont="1" applyFill="1" applyBorder="1" applyAlignment="1">
      <alignment vertical="center"/>
    </xf>
    <xf numFmtId="176" fontId="7" fillId="4" borderId="1" xfId="0" applyNumberFormat="1" applyFont="1" applyFill="1" applyBorder="1" applyAlignment="1">
      <alignment horizontal="center" vertical="center"/>
    </xf>
    <xf numFmtId="176" fontId="7" fillId="4" borderId="1" xfId="0" applyNumberFormat="1" applyFont="1" applyFill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3" fillId="0" borderId="4" xfId="0" applyFont="1" applyBorder="1" applyAlignment="1">
      <alignment horizontal="center" vertical="center"/>
    </xf>
    <xf numFmtId="0" fontId="13" fillId="0" borderId="5" xfId="0" applyFont="1" applyBorder="1" applyAlignment="1">
      <alignment horizontal="center" vertical="center"/>
    </xf>
    <xf numFmtId="0" fontId="13" fillId="0" borderId="6" xfId="0" applyFont="1" applyBorder="1" applyAlignment="1">
      <alignment horizontal="center" vertical="center"/>
    </xf>
    <xf numFmtId="0" fontId="13" fillId="0" borderId="7" xfId="0" applyFont="1" applyBorder="1" applyAlignment="1">
      <alignment horizontal="center" vertical="center"/>
    </xf>
    <xf numFmtId="0" fontId="13" fillId="0" borderId="8" xfId="0" applyFont="1" applyBorder="1" applyAlignment="1">
      <alignment horizontal="center" vertical="center"/>
    </xf>
    <xf numFmtId="0" fontId="13" fillId="0" borderId="9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14" fillId="0" borderId="0" xfId="0" applyFont="1"/>
    <xf numFmtId="0" fontId="2" fillId="0" borderId="0" xfId="0" applyFont="1" applyAlignment="1">
      <alignment horizontal="center" vertical="center"/>
    </xf>
    <xf numFmtId="176" fontId="7" fillId="2" borderId="1" xfId="0" applyNumberFormat="1" applyFont="1" applyFill="1" applyBorder="1" applyAlignment="1">
      <alignment horizontal="right" vertical="center"/>
    </xf>
    <xf numFmtId="176" fontId="7" fillId="3" borderId="1" xfId="0" applyNumberFormat="1" applyFont="1" applyFill="1" applyBorder="1" applyAlignment="1">
      <alignment horizontal="right" vertical="center"/>
    </xf>
    <xf numFmtId="176" fontId="7" fillId="4" borderId="1" xfId="0" applyNumberFormat="1" applyFont="1" applyFill="1" applyBorder="1" applyAlignment="1">
      <alignment horizontal="right" vertical="center"/>
    </xf>
    <xf numFmtId="38" fontId="8" fillId="0" borderId="0" xfId="1" applyFont="1" applyBorder="1" applyAlignment="1">
      <alignment horizontal="right" vertical="center"/>
    </xf>
    <xf numFmtId="38" fontId="5" fillId="0" borderId="0" xfId="0" applyNumberFormat="1" applyFont="1" applyAlignment="1">
      <alignment vertical="center"/>
    </xf>
    <xf numFmtId="0" fontId="15" fillId="0" borderId="0" xfId="0" applyFont="1" applyAlignment="1">
      <alignment vertical="center"/>
    </xf>
    <xf numFmtId="0" fontId="5" fillId="0" borderId="2" xfId="0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1489409226130955E-2"/>
          <c:y val="3.143893591293833E-2"/>
          <c:w val="0.87234087866776033"/>
          <c:h val="0.91172914147521156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４０１速星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１速星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１速星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749</c:v>
                </c:pt>
                <c:pt idx="6">
                  <c:v>5734</c:v>
                </c:pt>
                <c:pt idx="7">
                  <c:v>5886</c:v>
                </c:pt>
                <c:pt idx="8">
                  <c:v>5924</c:v>
                </c:pt>
                <c:pt idx="9">
                  <c:v>5965</c:v>
                </c:pt>
                <c:pt idx="10">
                  <c:v>6004</c:v>
                </c:pt>
                <c:pt idx="11">
                  <c:v>6027</c:v>
                </c:pt>
                <c:pt idx="12">
                  <c:v>5975</c:v>
                </c:pt>
                <c:pt idx="13">
                  <c:v>5939</c:v>
                </c:pt>
                <c:pt idx="14">
                  <c:v>5923</c:v>
                </c:pt>
                <c:pt idx="15">
                  <c:v>589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F37-4068-8560-E823FD3C0DD1}"/>
            </c:ext>
          </c:extLst>
        </c:ser>
        <c:ser>
          <c:idx val="3"/>
          <c:order val="2"/>
          <c:tx>
            <c:strRef>
              <c:f>'０４０１速星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１速星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１速星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963</c:v>
                </c:pt>
                <c:pt idx="6">
                  <c:v>5910</c:v>
                </c:pt>
                <c:pt idx="7">
                  <c:v>6136</c:v>
                </c:pt>
                <c:pt idx="8">
                  <c:v>6134</c:v>
                </c:pt>
                <c:pt idx="9">
                  <c:v>6109</c:v>
                </c:pt>
                <c:pt idx="10">
                  <c:v>6127</c:v>
                </c:pt>
                <c:pt idx="11">
                  <c:v>6153</c:v>
                </c:pt>
                <c:pt idx="12">
                  <c:v>6125</c:v>
                </c:pt>
                <c:pt idx="13">
                  <c:v>6067</c:v>
                </c:pt>
                <c:pt idx="14">
                  <c:v>6059</c:v>
                </c:pt>
                <c:pt idx="15">
                  <c:v>603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F37-4068-8560-E823FD3C0DD1}"/>
            </c:ext>
          </c:extLst>
        </c:ser>
        <c:ser>
          <c:idx val="1"/>
          <c:order val="3"/>
          <c:tx>
            <c:strRef>
              <c:f>'０４０１速星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１速星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１速星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F37-4068-8560-E823FD3C0DD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39600"/>
        <c:axId val="492443128"/>
      </c:barChart>
      <c:lineChart>
        <c:grouping val="standard"/>
        <c:varyColors val="0"/>
        <c:ser>
          <c:idx val="0"/>
          <c:order val="0"/>
          <c:tx>
            <c:strRef>
              <c:f>'０４０１速星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AF37-4068-8560-E823FD3C0DD1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AF37-4068-8560-E823FD3C0DD1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AF37-4068-8560-E823FD3C0DD1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AF37-4068-8560-E823FD3C0DD1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AF37-4068-8560-E823FD3C0DD1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AF37-4068-8560-E823FD3C0DD1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AF37-4068-8560-E823FD3C0DD1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AF37-4068-8560-E823FD3C0DD1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AF37-4068-8560-E823FD3C0DD1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AF37-4068-8560-E823FD3C0DD1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AF37-4068-8560-E823FD3C0DD1}"/>
              </c:ext>
            </c:extLst>
          </c:dPt>
          <c:cat>
            <c:strRef>
              <c:f>'０４０１速星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１速星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712</c:v>
                </c:pt>
                <c:pt idx="6">
                  <c:v>11644</c:v>
                </c:pt>
                <c:pt idx="7">
                  <c:v>12022</c:v>
                </c:pt>
                <c:pt idx="8">
                  <c:v>12058</c:v>
                </c:pt>
                <c:pt idx="9">
                  <c:v>12074</c:v>
                </c:pt>
                <c:pt idx="10">
                  <c:v>12131</c:v>
                </c:pt>
                <c:pt idx="11">
                  <c:v>12180</c:v>
                </c:pt>
                <c:pt idx="12">
                  <c:v>12100</c:v>
                </c:pt>
                <c:pt idx="13">
                  <c:v>12006</c:v>
                </c:pt>
                <c:pt idx="14">
                  <c:v>11982</c:v>
                </c:pt>
                <c:pt idx="15">
                  <c:v>1192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AF37-4068-8560-E823FD3C0DD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39600"/>
        <c:axId val="492443128"/>
      </c:lineChart>
      <c:catAx>
        <c:axId val="492439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312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4312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6.382978723404255E-3"/>
              <c:y val="6.0459492140266021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9600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2150067750677505"/>
          <c:y val="0.31646363636363639"/>
          <c:w val="0.12396183378500451"/>
          <c:h val="9.1898428053204362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02215207974752E-2"/>
          <c:y val="3.1668696711327646E-2"/>
          <c:w val="0.90308933112159206"/>
          <c:h val="0.9123020706455542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４０５婦中熊野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５婦中熊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５婦中熊野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25</c:v>
                </c:pt>
                <c:pt idx="6">
                  <c:v>380</c:v>
                </c:pt>
                <c:pt idx="7">
                  <c:v>438</c:v>
                </c:pt>
                <c:pt idx="8">
                  <c:v>451</c:v>
                </c:pt>
                <c:pt idx="9">
                  <c:v>429</c:v>
                </c:pt>
                <c:pt idx="10">
                  <c:v>431</c:v>
                </c:pt>
                <c:pt idx="11">
                  <c:v>456</c:v>
                </c:pt>
                <c:pt idx="12">
                  <c:v>477</c:v>
                </c:pt>
                <c:pt idx="13">
                  <c:v>505</c:v>
                </c:pt>
                <c:pt idx="14">
                  <c:v>511</c:v>
                </c:pt>
                <c:pt idx="15">
                  <c:v>4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9F7-4A2A-969D-85D26F745ECC}"/>
            </c:ext>
          </c:extLst>
        </c:ser>
        <c:ser>
          <c:idx val="0"/>
          <c:order val="1"/>
          <c:tx>
            <c:strRef>
              <c:f>'０４０５婦中熊野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５婦中熊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５婦中熊野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211</c:v>
                </c:pt>
                <c:pt idx="6">
                  <c:v>2142</c:v>
                </c:pt>
                <c:pt idx="7">
                  <c:v>1977</c:v>
                </c:pt>
                <c:pt idx="8">
                  <c:v>1971</c:v>
                </c:pt>
                <c:pt idx="9">
                  <c:v>1975</c:v>
                </c:pt>
                <c:pt idx="10">
                  <c:v>1989</c:v>
                </c:pt>
                <c:pt idx="11">
                  <c:v>2029</c:v>
                </c:pt>
                <c:pt idx="12">
                  <c:v>2034</c:v>
                </c:pt>
                <c:pt idx="13">
                  <c:v>2079</c:v>
                </c:pt>
                <c:pt idx="14">
                  <c:v>2092</c:v>
                </c:pt>
                <c:pt idx="15">
                  <c:v>207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9F7-4A2A-969D-85D26F745ECC}"/>
            </c:ext>
          </c:extLst>
        </c:ser>
        <c:ser>
          <c:idx val="2"/>
          <c:order val="2"/>
          <c:tx>
            <c:strRef>
              <c:f>'０４０５婦中熊野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５婦中熊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５婦中熊野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60</c:v>
                </c:pt>
                <c:pt idx="6">
                  <c:v>648</c:v>
                </c:pt>
                <c:pt idx="7">
                  <c:v>884</c:v>
                </c:pt>
                <c:pt idx="8">
                  <c:v>912</c:v>
                </c:pt>
                <c:pt idx="9">
                  <c:v>955</c:v>
                </c:pt>
                <c:pt idx="10">
                  <c:v>981</c:v>
                </c:pt>
                <c:pt idx="11">
                  <c:v>1009</c:v>
                </c:pt>
                <c:pt idx="12">
                  <c:v>1031</c:v>
                </c:pt>
                <c:pt idx="13">
                  <c:v>1039</c:v>
                </c:pt>
                <c:pt idx="14">
                  <c:v>1054</c:v>
                </c:pt>
                <c:pt idx="15">
                  <c:v>105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9F7-4A2A-969D-85D26F745EC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52928"/>
        <c:axId val="492447048"/>
      </c:barChart>
      <c:catAx>
        <c:axId val="4924529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704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4704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52928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830715643397208"/>
          <c:y val="3.2687670654693322E-2"/>
          <c:w val="0.86961182884363997"/>
          <c:h val="0.91041216045664375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４０６古里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６古里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６古里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091</c:v>
                </c:pt>
                <c:pt idx="6">
                  <c:v>2075</c:v>
                </c:pt>
                <c:pt idx="7">
                  <c:v>1966</c:v>
                </c:pt>
                <c:pt idx="8">
                  <c:v>1927</c:v>
                </c:pt>
                <c:pt idx="9">
                  <c:v>1915</c:v>
                </c:pt>
                <c:pt idx="10">
                  <c:v>1904</c:v>
                </c:pt>
                <c:pt idx="11">
                  <c:v>1894</c:v>
                </c:pt>
                <c:pt idx="12">
                  <c:v>1866</c:v>
                </c:pt>
                <c:pt idx="13">
                  <c:v>1852</c:v>
                </c:pt>
                <c:pt idx="14">
                  <c:v>1848</c:v>
                </c:pt>
                <c:pt idx="15">
                  <c:v>18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226-44EE-9245-48553FF9E955}"/>
            </c:ext>
          </c:extLst>
        </c:ser>
        <c:ser>
          <c:idx val="3"/>
          <c:order val="2"/>
          <c:tx>
            <c:strRef>
              <c:f>'０４０６古里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６古里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６古里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256</c:v>
                </c:pt>
                <c:pt idx="6">
                  <c:v>2255</c:v>
                </c:pt>
                <c:pt idx="7">
                  <c:v>2079</c:v>
                </c:pt>
                <c:pt idx="8">
                  <c:v>2051</c:v>
                </c:pt>
                <c:pt idx="9">
                  <c:v>2058</c:v>
                </c:pt>
                <c:pt idx="10">
                  <c:v>2052</c:v>
                </c:pt>
                <c:pt idx="11">
                  <c:v>2041</c:v>
                </c:pt>
                <c:pt idx="12">
                  <c:v>1985</c:v>
                </c:pt>
                <c:pt idx="13">
                  <c:v>1979</c:v>
                </c:pt>
                <c:pt idx="14">
                  <c:v>1954</c:v>
                </c:pt>
                <c:pt idx="15">
                  <c:v>190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226-44EE-9245-48553FF9E955}"/>
            </c:ext>
          </c:extLst>
        </c:ser>
        <c:ser>
          <c:idx val="1"/>
          <c:order val="3"/>
          <c:tx>
            <c:strRef>
              <c:f>'０４０６古里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６古里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６古里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4226-44EE-9245-48553FF9E95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48224"/>
        <c:axId val="492451752"/>
      </c:barChart>
      <c:lineChart>
        <c:grouping val="standard"/>
        <c:varyColors val="0"/>
        <c:ser>
          <c:idx val="0"/>
          <c:order val="0"/>
          <c:tx>
            <c:strRef>
              <c:f>'０４０６古里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4226-44EE-9245-48553FF9E955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4226-44EE-9245-48553FF9E955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4226-44EE-9245-48553FF9E955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4226-44EE-9245-48553FF9E955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4226-44EE-9245-48553FF9E955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4226-44EE-9245-48553FF9E955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4226-44EE-9245-48553FF9E955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4226-44EE-9245-48553FF9E955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4226-44EE-9245-48553FF9E955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4226-44EE-9245-48553FF9E955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4226-44EE-9245-48553FF9E955}"/>
              </c:ext>
            </c:extLst>
          </c:dPt>
          <c:cat>
            <c:strRef>
              <c:f>'０４０６古里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６古里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347</c:v>
                </c:pt>
                <c:pt idx="6">
                  <c:v>4330</c:v>
                </c:pt>
                <c:pt idx="7">
                  <c:v>4045</c:v>
                </c:pt>
                <c:pt idx="8">
                  <c:v>3978</c:v>
                </c:pt>
                <c:pt idx="9">
                  <c:v>3973</c:v>
                </c:pt>
                <c:pt idx="10">
                  <c:v>3956</c:v>
                </c:pt>
                <c:pt idx="11">
                  <c:v>3935</c:v>
                </c:pt>
                <c:pt idx="12">
                  <c:v>3851</c:v>
                </c:pt>
                <c:pt idx="13">
                  <c:v>3831</c:v>
                </c:pt>
                <c:pt idx="14">
                  <c:v>3802</c:v>
                </c:pt>
                <c:pt idx="15">
                  <c:v>372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4226-44EE-9245-48553FF9E95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48224"/>
        <c:axId val="492451752"/>
      </c:lineChart>
      <c:catAx>
        <c:axId val="4924482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5175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5175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2082018927444796E-2"/>
              <c:y val="6.053268765133171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8224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5347367752227523"/>
          <c:y val="0.33943569644369154"/>
          <c:w val="0.12561190153568202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567796610169496E-2"/>
          <c:y val="3.1591756288775516E-2"/>
          <c:w val="0.90360169491525422"/>
          <c:h val="0.912515729725785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４０６古里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６古里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６古里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40</c:v>
                </c:pt>
                <c:pt idx="6">
                  <c:v>557</c:v>
                </c:pt>
                <c:pt idx="7">
                  <c:v>492</c:v>
                </c:pt>
                <c:pt idx="8">
                  <c:v>478</c:v>
                </c:pt>
                <c:pt idx="9">
                  <c:v>480</c:v>
                </c:pt>
                <c:pt idx="10">
                  <c:v>485</c:v>
                </c:pt>
                <c:pt idx="11">
                  <c:v>467</c:v>
                </c:pt>
                <c:pt idx="12">
                  <c:v>446</c:v>
                </c:pt>
                <c:pt idx="13">
                  <c:v>444</c:v>
                </c:pt>
                <c:pt idx="14">
                  <c:v>438</c:v>
                </c:pt>
                <c:pt idx="15">
                  <c:v>4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28A-434B-BD86-3C73BE76B3DB}"/>
            </c:ext>
          </c:extLst>
        </c:ser>
        <c:ser>
          <c:idx val="0"/>
          <c:order val="1"/>
          <c:tx>
            <c:strRef>
              <c:f>'０４０６古里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６古里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６古里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751</c:v>
                </c:pt>
                <c:pt idx="6">
                  <c:v>2773</c:v>
                </c:pt>
                <c:pt idx="7">
                  <c:v>2432</c:v>
                </c:pt>
                <c:pt idx="8">
                  <c:v>2362</c:v>
                </c:pt>
                <c:pt idx="9">
                  <c:v>2317</c:v>
                </c:pt>
                <c:pt idx="10">
                  <c:v>2277</c:v>
                </c:pt>
                <c:pt idx="11">
                  <c:v>2261</c:v>
                </c:pt>
                <c:pt idx="12">
                  <c:v>2173</c:v>
                </c:pt>
                <c:pt idx="13">
                  <c:v>2138</c:v>
                </c:pt>
                <c:pt idx="14">
                  <c:v>2115</c:v>
                </c:pt>
                <c:pt idx="15">
                  <c:v>207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28A-434B-BD86-3C73BE76B3DB}"/>
            </c:ext>
          </c:extLst>
        </c:ser>
        <c:ser>
          <c:idx val="2"/>
          <c:order val="2"/>
          <c:tx>
            <c:strRef>
              <c:f>'０４０６古里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６古里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６古里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56</c:v>
                </c:pt>
                <c:pt idx="6">
                  <c:v>1000</c:v>
                </c:pt>
                <c:pt idx="7">
                  <c:v>1121</c:v>
                </c:pt>
                <c:pt idx="8">
                  <c:v>1138</c:v>
                </c:pt>
                <c:pt idx="9">
                  <c:v>1176</c:v>
                </c:pt>
                <c:pt idx="10">
                  <c:v>1194</c:v>
                </c:pt>
                <c:pt idx="11">
                  <c:v>1207</c:v>
                </c:pt>
                <c:pt idx="12">
                  <c:v>1232</c:v>
                </c:pt>
                <c:pt idx="13">
                  <c:v>1249</c:v>
                </c:pt>
                <c:pt idx="14">
                  <c:v>1249</c:v>
                </c:pt>
                <c:pt idx="15">
                  <c:v>122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28A-434B-BD86-3C73BE76B3D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49792"/>
        <c:axId val="492448616"/>
      </c:barChart>
      <c:catAx>
        <c:axId val="4924497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861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4861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9792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403407812715437"/>
          <c:y val="3.0303066173137043E-2"/>
          <c:w val="0.84819620840404431"/>
          <c:h val="0.91515259842873864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４０７音川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７音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７音川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44</c:v>
                </c:pt>
                <c:pt idx="6">
                  <c:v>776</c:v>
                </c:pt>
                <c:pt idx="7">
                  <c:v>729</c:v>
                </c:pt>
                <c:pt idx="8">
                  <c:v>708</c:v>
                </c:pt>
                <c:pt idx="9">
                  <c:v>692</c:v>
                </c:pt>
                <c:pt idx="10">
                  <c:v>686</c:v>
                </c:pt>
                <c:pt idx="11">
                  <c:v>669</c:v>
                </c:pt>
                <c:pt idx="12">
                  <c:v>656</c:v>
                </c:pt>
                <c:pt idx="13">
                  <c:v>644</c:v>
                </c:pt>
                <c:pt idx="14">
                  <c:v>628</c:v>
                </c:pt>
                <c:pt idx="15">
                  <c:v>62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204-4291-8914-61B513F8E9AD}"/>
            </c:ext>
          </c:extLst>
        </c:ser>
        <c:ser>
          <c:idx val="3"/>
          <c:order val="2"/>
          <c:tx>
            <c:strRef>
              <c:f>'０４０７音川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７音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７音川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62</c:v>
                </c:pt>
                <c:pt idx="6">
                  <c:v>784</c:v>
                </c:pt>
                <c:pt idx="7">
                  <c:v>782</c:v>
                </c:pt>
                <c:pt idx="8">
                  <c:v>762</c:v>
                </c:pt>
                <c:pt idx="9">
                  <c:v>751</c:v>
                </c:pt>
                <c:pt idx="10">
                  <c:v>742</c:v>
                </c:pt>
                <c:pt idx="11">
                  <c:v>719</c:v>
                </c:pt>
                <c:pt idx="12">
                  <c:v>695</c:v>
                </c:pt>
                <c:pt idx="13">
                  <c:v>672</c:v>
                </c:pt>
                <c:pt idx="14">
                  <c:v>651</c:v>
                </c:pt>
                <c:pt idx="15">
                  <c:v>63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204-4291-8914-61B513F8E9AD}"/>
            </c:ext>
          </c:extLst>
        </c:ser>
        <c:ser>
          <c:idx val="1"/>
          <c:order val="3"/>
          <c:tx>
            <c:strRef>
              <c:f>'０４０７音川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７音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７音川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204-4291-8914-61B513F8E9A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46264"/>
        <c:axId val="492449400"/>
      </c:barChart>
      <c:lineChart>
        <c:grouping val="standard"/>
        <c:varyColors val="0"/>
        <c:ser>
          <c:idx val="0"/>
          <c:order val="0"/>
          <c:tx>
            <c:strRef>
              <c:f>'０４０７音川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3204-4291-8914-61B513F8E9AD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3204-4291-8914-61B513F8E9AD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3204-4291-8914-61B513F8E9AD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3204-4291-8914-61B513F8E9AD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3204-4291-8914-61B513F8E9AD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3204-4291-8914-61B513F8E9AD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3204-4291-8914-61B513F8E9AD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3204-4291-8914-61B513F8E9AD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3204-4291-8914-61B513F8E9AD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3204-4291-8914-61B513F8E9AD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3204-4291-8914-61B513F8E9AD}"/>
              </c:ext>
            </c:extLst>
          </c:dPt>
          <c:cat>
            <c:strRef>
              <c:f>'０４０７音川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７音川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06</c:v>
                </c:pt>
                <c:pt idx="6">
                  <c:v>1560</c:v>
                </c:pt>
                <c:pt idx="7">
                  <c:v>1511</c:v>
                </c:pt>
                <c:pt idx="8">
                  <c:v>1470</c:v>
                </c:pt>
                <c:pt idx="9">
                  <c:v>1443</c:v>
                </c:pt>
                <c:pt idx="10">
                  <c:v>1428</c:v>
                </c:pt>
                <c:pt idx="11">
                  <c:v>1388</c:v>
                </c:pt>
                <c:pt idx="12">
                  <c:v>1351</c:v>
                </c:pt>
                <c:pt idx="13">
                  <c:v>1316</c:v>
                </c:pt>
                <c:pt idx="14">
                  <c:v>1279</c:v>
                </c:pt>
                <c:pt idx="15">
                  <c:v>126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3204-4291-8914-61B513F8E9A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46264"/>
        <c:axId val="492449400"/>
      </c:lineChart>
      <c:catAx>
        <c:axId val="4924462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940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4940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3354564755838639E-2"/>
              <c:y val="6.060606060606060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6264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3646646341463411"/>
          <c:y val="0.33622512626262624"/>
          <c:w val="0.12230431345980126"/>
          <c:h val="9.2121339378032296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0967485877823792E-2"/>
          <c:y val="2.9232643118148598E-2"/>
          <c:w val="0.90431217993413593"/>
          <c:h val="0.90864799025578558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４０７音川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７音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７音川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93</c:v>
                </c:pt>
                <c:pt idx="6">
                  <c:v>162</c:v>
                </c:pt>
                <c:pt idx="7">
                  <c:v>168</c:v>
                </c:pt>
                <c:pt idx="8">
                  <c:v>164</c:v>
                </c:pt>
                <c:pt idx="9">
                  <c:v>165</c:v>
                </c:pt>
                <c:pt idx="10">
                  <c:v>167</c:v>
                </c:pt>
                <c:pt idx="11">
                  <c:v>151</c:v>
                </c:pt>
                <c:pt idx="12">
                  <c:v>143</c:v>
                </c:pt>
                <c:pt idx="13">
                  <c:v>140</c:v>
                </c:pt>
                <c:pt idx="14">
                  <c:v>132</c:v>
                </c:pt>
                <c:pt idx="15">
                  <c:v>12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85F-4808-A674-068A9D365366}"/>
            </c:ext>
          </c:extLst>
        </c:ser>
        <c:ser>
          <c:idx val="0"/>
          <c:order val="1"/>
          <c:tx>
            <c:strRef>
              <c:f>'０４０７音川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７音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７音川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020</c:v>
                </c:pt>
                <c:pt idx="6">
                  <c:v>924</c:v>
                </c:pt>
                <c:pt idx="7">
                  <c:v>816</c:v>
                </c:pt>
                <c:pt idx="8">
                  <c:v>784</c:v>
                </c:pt>
                <c:pt idx="9">
                  <c:v>743</c:v>
                </c:pt>
                <c:pt idx="10">
                  <c:v>714</c:v>
                </c:pt>
                <c:pt idx="11">
                  <c:v>683</c:v>
                </c:pt>
                <c:pt idx="12">
                  <c:v>660</c:v>
                </c:pt>
                <c:pt idx="13">
                  <c:v>647</c:v>
                </c:pt>
                <c:pt idx="14">
                  <c:v>635</c:v>
                </c:pt>
                <c:pt idx="15">
                  <c:v>62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85F-4808-A674-068A9D365366}"/>
            </c:ext>
          </c:extLst>
        </c:ser>
        <c:ser>
          <c:idx val="2"/>
          <c:order val="2"/>
          <c:tx>
            <c:strRef>
              <c:f>'０４０７音川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７音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７音川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93</c:v>
                </c:pt>
                <c:pt idx="6">
                  <c:v>474</c:v>
                </c:pt>
                <c:pt idx="7">
                  <c:v>527</c:v>
                </c:pt>
                <c:pt idx="8">
                  <c:v>522</c:v>
                </c:pt>
                <c:pt idx="9">
                  <c:v>535</c:v>
                </c:pt>
                <c:pt idx="10">
                  <c:v>547</c:v>
                </c:pt>
                <c:pt idx="11">
                  <c:v>554</c:v>
                </c:pt>
                <c:pt idx="12">
                  <c:v>548</c:v>
                </c:pt>
                <c:pt idx="13">
                  <c:v>529</c:v>
                </c:pt>
                <c:pt idx="14">
                  <c:v>512</c:v>
                </c:pt>
                <c:pt idx="15">
                  <c:v>50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985F-4808-A674-068A9D36536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47440"/>
        <c:axId val="492449008"/>
      </c:barChart>
      <c:catAx>
        <c:axId val="4924474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900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4900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744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087645195353749"/>
          <c:y val="2.787882087928608E-2"/>
          <c:w val="0.86166842661034848"/>
          <c:h val="0.92000108901644062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４０８神保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８神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８神保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502</c:v>
                </c:pt>
                <c:pt idx="6">
                  <c:v>2432</c:v>
                </c:pt>
                <c:pt idx="7">
                  <c:v>2462</c:v>
                </c:pt>
                <c:pt idx="8">
                  <c:v>2447</c:v>
                </c:pt>
                <c:pt idx="9">
                  <c:v>2424</c:v>
                </c:pt>
                <c:pt idx="10">
                  <c:v>2407</c:v>
                </c:pt>
                <c:pt idx="11">
                  <c:v>2410</c:v>
                </c:pt>
                <c:pt idx="12">
                  <c:v>2391</c:v>
                </c:pt>
                <c:pt idx="13">
                  <c:v>2357</c:v>
                </c:pt>
                <c:pt idx="14">
                  <c:v>2361</c:v>
                </c:pt>
                <c:pt idx="15">
                  <c:v>23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3FD-4903-A35C-F79FA459312F}"/>
            </c:ext>
          </c:extLst>
        </c:ser>
        <c:ser>
          <c:idx val="3"/>
          <c:order val="2"/>
          <c:tx>
            <c:strRef>
              <c:f>'０４０８神保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８神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８神保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567</c:v>
                </c:pt>
                <c:pt idx="6">
                  <c:v>2540</c:v>
                </c:pt>
                <c:pt idx="7">
                  <c:v>2555</c:v>
                </c:pt>
                <c:pt idx="8">
                  <c:v>2548</c:v>
                </c:pt>
                <c:pt idx="9">
                  <c:v>2527</c:v>
                </c:pt>
                <c:pt idx="10">
                  <c:v>2522</c:v>
                </c:pt>
                <c:pt idx="11">
                  <c:v>2508</c:v>
                </c:pt>
                <c:pt idx="12">
                  <c:v>2501</c:v>
                </c:pt>
                <c:pt idx="13">
                  <c:v>2483</c:v>
                </c:pt>
                <c:pt idx="14">
                  <c:v>2520</c:v>
                </c:pt>
                <c:pt idx="15">
                  <c:v>25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3FD-4903-A35C-F79FA459312F}"/>
            </c:ext>
          </c:extLst>
        </c:ser>
        <c:ser>
          <c:idx val="1"/>
          <c:order val="3"/>
          <c:tx>
            <c:strRef>
              <c:f>'０４０８神保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８神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８神保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3FD-4903-A35C-F79FA459312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47832"/>
        <c:axId val="492450576"/>
      </c:barChart>
      <c:lineChart>
        <c:grouping val="standard"/>
        <c:varyColors val="0"/>
        <c:ser>
          <c:idx val="0"/>
          <c:order val="0"/>
          <c:tx>
            <c:strRef>
              <c:f>'０４０８神保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63FD-4903-A35C-F79FA459312F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63FD-4903-A35C-F79FA459312F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63FD-4903-A35C-F79FA459312F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63FD-4903-A35C-F79FA459312F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63FD-4903-A35C-F79FA459312F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63FD-4903-A35C-F79FA459312F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63FD-4903-A35C-F79FA459312F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63FD-4903-A35C-F79FA459312F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63FD-4903-A35C-F79FA459312F}"/>
              </c:ext>
            </c:extLst>
          </c:dPt>
          <c:dPt>
            <c:idx val="9"/>
            <c:marker>
              <c:spPr>
                <a:solidFill>
                  <a:srgbClr val="00000C"/>
                </a:solidFill>
                <a:ln>
                  <a:solidFill>
                    <a:srgbClr val="000000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63FD-4903-A35C-F79FA459312F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63FD-4903-A35C-F79FA459312F}"/>
              </c:ext>
            </c:extLst>
          </c:dPt>
          <c:cat>
            <c:strRef>
              <c:f>'０４０８神保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８神保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069</c:v>
                </c:pt>
                <c:pt idx="6">
                  <c:v>4972</c:v>
                </c:pt>
                <c:pt idx="7">
                  <c:v>5017</c:v>
                </c:pt>
                <c:pt idx="8">
                  <c:v>4995</c:v>
                </c:pt>
                <c:pt idx="9">
                  <c:v>4951</c:v>
                </c:pt>
                <c:pt idx="10">
                  <c:v>4929</c:v>
                </c:pt>
                <c:pt idx="11">
                  <c:v>4918</c:v>
                </c:pt>
                <c:pt idx="12">
                  <c:v>4892</c:v>
                </c:pt>
                <c:pt idx="13">
                  <c:v>4840</c:v>
                </c:pt>
                <c:pt idx="14">
                  <c:v>4881</c:v>
                </c:pt>
                <c:pt idx="15">
                  <c:v>488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63FD-4903-A35C-F79FA459312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47832"/>
        <c:axId val="492450576"/>
      </c:lineChart>
      <c:catAx>
        <c:axId val="4924478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5057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5057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1119324181626188E-2"/>
              <c:y val="6.060606060606060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7832"/>
        <c:crosses val="autoZero"/>
        <c:crossBetween val="between"/>
        <c:majorUnit val="500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0339611562782294"/>
          <c:y val="0.31683118686868689"/>
          <c:w val="0.12461743450767841"/>
          <c:h val="9.2121339378032296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401003218650005E-2"/>
          <c:w val="0.90319195852308354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４０８神保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８神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８神保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46</c:v>
                </c:pt>
                <c:pt idx="6">
                  <c:v>724</c:v>
                </c:pt>
                <c:pt idx="7">
                  <c:v>632</c:v>
                </c:pt>
                <c:pt idx="8">
                  <c:v>617</c:v>
                </c:pt>
                <c:pt idx="9">
                  <c:v>595</c:v>
                </c:pt>
                <c:pt idx="10">
                  <c:v>601</c:v>
                </c:pt>
                <c:pt idx="11">
                  <c:v>581</c:v>
                </c:pt>
                <c:pt idx="12">
                  <c:v>579</c:v>
                </c:pt>
                <c:pt idx="13">
                  <c:v>567</c:v>
                </c:pt>
                <c:pt idx="14">
                  <c:v>594</c:v>
                </c:pt>
                <c:pt idx="15">
                  <c:v>5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E1B-49B8-9830-0C4AA983461F}"/>
            </c:ext>
          </c:extLst>
        </c:ser>
        <c:ser>
          <c:idx val="0"/>
          <c:order val="1"/>
          <c:tx>
            <c:strRef>
              <c:f>'０４０８神保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８神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８神保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205</c:v>
                </c:pt>
                <c:pt idx="6">
                  <c:v>3125</c:v>
                </c:pt>
                <c:pt idx="7">
                  <c:v>3044</c:v>
                </c:pt>
                <c:pt idx="8">
                  <c:v>3013</c:v>
                </c:pt>
                <c:pt idx="9">
                  <c:v>2966</c:v>
                </c:pt>
                <c:pt idx="10">
                  <c:v>2935</c:v>
                </c:pt>
                <c:pt idx="11">
                  <c:v>2916</c:v>
                </c:pt>
                <c:pt idx="12">
                  <c:v>2858</c:v>
                </c:pt>
                <c:pt idx="13">
                  <c:v>2796</c:v>
                </c:pt>
                <c:pt idx="14">
                  <c:v>2817</c:v>
                </c:pt>
                <c:pt idx="15">
                  <c:v>280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E1B-49B8-9830-0C4AA983461F}"/>
            </c:ext>
          </c:extLst>
        </c:ser>
        <c:ser>
          <c:idx val="2"/>
          <c:order val="2"/>
          <c:tx>
            <c:strRef>
              <c:f>'０４０８神保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８神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８神保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018</c:v>
                </c:pt>
                <c:pt idx="6">
                  <c:v>1123</c:v>
                </c:pt>
                <c:pt idx="7">
                  <c:v>1341</c:v>
                </c:pt>
                <c:pt idx="8">
                  <c:v>1365</c:v>
                </c:pt>
                <c:pt idx="9">
                  <c:v>1390</c:v>
                </c:pt>
                <c:pt idx="10">
                  <c:v>1393</c:v>
                </c:pt>
                <c:pt idx="11">
                  <c:v>1421</c:v>
                </c:pt>
                <c:pt idx="12">
                  <c:v>1455</c:v>
                </c:pt>
                <c:pt idx="13">
                  <c:v>1477</c:v>
                </c:pt>
                <c:pt idx="14">
                  <c:v>1470</c:v>
                </c:pt>
                <c:pt idx="15">
                  <c:v>147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E1B-49B8-9830-0C4AA983461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22744"/>
        <c:axId val="492423920"/>
      </c:barChart>
      <c:catAx>
        <c:axId val="4924227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392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2392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274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9260823653643082E-2"/>
          <c:y val="2.787882087928608E-2"/>
          <c:w val="0.86800422386483633"/>
          <c:h val="0.92000108901644062"/>
        </c:manualLayout>
      </c:layout>
      <c:barChart>
        <c:barDir val="col"/>
        <c:grouping val="clustered"/>
        <c:varyColors val="0"/>
        <c:ser>
          <c:idx val="2"/>
          <c:order val="1"/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婦中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婦中地域計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741</c:v>
                </c:pt>
                <c:pt idx="6">
                  <c:v>19574</c:v>
                </c:pt>
                <c:pt idx="7">
                  <c:v>20050</c:v>
                </c:pt>
                <c:pt idx="8">
                  <c:v>20152</c:v>
                </c:pt>
                <c:pt idx="9">
                  <c:v>20213</c:v>
                </c:pt>
                <c:pt idx="10">
                  <c:v>20387</c:v>
                </c:pt>
                <c:pt idx="11">
                  <c:v>20351</c:v>
                </c:pt>
                <c:pt idx="12">
                  <c:v>20266</c:v>
                </c:pt>
                <c:pt idx="13">
                  <c:v>20175</c:v>
                </c:pt>
                <c:pt idx="14">
                  <c:v>20151</c:v>
                </c:pt>
                <c:pt idx="15">
                  <c:v>200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86A-4566-9783-F2E59B6F8C19}"/>
            </c:ext>
          </c:extLst>
        </c:ser>
        <c:ser>
          <c:idx val="3"/>
          <c:order val="2"/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婦中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婦中地域計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555</c:v>
                </c:pt>
                <c:pt idx="6">
                  <c:v>20440</c:v>
                </c:pt>
                <c:pt idx="7">
                  <c:v>21024</c:v>
                </c:pt>
                <c:pt idx="8">
                  <c:v>21040</c:v>
                </c:pt>
                <c:pt idx="9">
                  <c:v>21094</c:v>
                </c:pt>
                <c:pt idx="10">
                  <c:v>21201</c:v>
                </c:pt>
                <c:pt idx="11">
                  <c:v>21195</c:v>
                </c:pt>
                <c:pt idx="12">
                  <c:v>21100</c:v>
                </c:pt>
                <c:pt idx="13">
                  <c:v>21021</c:v>
                </c:pt>
                <c:pt idx="14">
                  <c:v>20980</c:v>
                </c:pt>
                <c:pt idx="15">
                  <c:v>208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86A-4566-9783-F2E59B6F8C19}"/>
            </c:ext>
          </c:extLst>
        </c:ser>
        <c:ser>
          <c:idx val="1"/>
          <c:order val="3"/>
          <c:tx>
            <c:strRef>
              <c:f>婦中地域計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婦中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婦中地域計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86A-4566-9783-F2E59B6F8C1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24312"/>
        <c:axId val="492421568"/>
      </c:barChart>
      <c:lineChart>
        <c:grouping val="standard"/>
        <c:varyColors val="0"/>
        <c:ser>
          <c:idx val="0"/>
          <c:order val="0"/>
          <c:tx>
            <c:strRef>
              <c:f>婦中地域計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 w="12700"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E86A-4566-9783-F2E59B6F8C19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E86A-4566-9783-F2E59B6F8C19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E86A-4566-9783-F2E59B6F8C19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E86A-4566-9783-F2E59B6F8C19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E86A-4566-9783-F2E59B6F8C19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E86A-4566-9783-F2E59B6F8C19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E86A-4566-9783-F2E59B6F8C19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 w="12700"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E86A-4566-9783-F2E59B6F8C19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E86A-4566-9783-F2E59B6F8C19}"/>
              </c:ext>
            </c:extLst>
          </c:dPt>
          <c:dPt>
            <c:idx val="9"/>
            <c:marker>
              <c:spPr>
                <a:solidFill>
                  <a:srgbClr val="00000C"/>
                </a:solidFill>
                <a:ln w="12700">
                  <a:solidFill>
                    <a:srgbClr val="000000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E86A-4566-9783-F2E59B6F8C19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E86A-4566-9783-F2E59B6F8C19}"/>
              </c:ext>
            </c:extLst>
          </c:dPt>
          <c:cat>
            <c:strRef>
              <c:f>婦中地域計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婦中地域計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6296</c:v>
                </c:pt>
                <c:pt idx="6">
                  <c:v>40014</c:v>
                </c:pt>
                <c:pt idx="7">
                  <c:v>41074</c:v>
                </c:pt>
                <c:pt idx="8">
                  <c:v>41192</c:v>
                </c:pt>
                <c:pt idx="9">
                  <c:v>41307</c:v>
                </c:pt>
                <c:pt idx="10">
                  <c:v>41588</c:v>
                </c:pt>
                <c:pt idx="11">
                  <c:v>41546</c:v>
                </c:pt>
                <c:pt idx="12">
                  <c:v>41366</c:v>
                </c:pt>
                <c:pt idx="13">
                  <c:v>41196</c:v>
                </c:pt>
                <c:pt idx="14">
                  <c:v>41131</c:v>
                </c:pt>
                <c:pt idx="15">
                  <c:v>4087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E86A-4566-9783-F2E59B6F8C1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24312"/>
        <c:axId val="492421568"/>
      </c:lineChart>
      <c:catAx>
        <c:axId val="4924243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156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2156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5.279831045406547E-3"/>
              <c:y val="6.060606060606060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4312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9622990063233967"/>
          <c:y val="0.34122512626262624"/>
          <c:w val="0.11601309846431798"/>
          <c:h val="9.2121339378032296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401003218650005E-2"/>
          <c:w val="0.90319195852308354"/>
          <c:h val="0.9130445551269001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婦中地域計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婦中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婦中地域計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771</c:v>
                </c:pt>
                <c:pt idx="6">
                  <c:v>6464</c:v>
                </c:pt>
                <c:pt idx="7">
                  <c:v>6458</c:v>
                </c:pt>
                <c:pt idx="8">
                  <c:v>6401</c:v>
                </c:pt>
                <c:pt idx="9">
                  <c:v>6309</c:v>
                </c:pt>
                <c:pt idx="10">
                  <c:v>6258</c:v>
                </c:pt>
                <c:pt idx="11">
                  <c:v>6086</c:v>
                </c:pt>
                <c:pt idx="12">
                  <c:v>5923</c:v>
                </c:pt>
                <c:pt idx="13">
                  <c:v>5773</c:v>
                </c:pt>
                <c:pt idx="14">
                  <c:v>5631</c:v>
                </c:pt>
                <c:pt idx="15">
                  <c:v>542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0C3-4E74-B14B-2A4B6C45B44F}"/>
            </c:ext>
          </c:extLst>
        </c:ser>
        <c:ser>
          <c:idx val="0"/>
          <c:order val="1"/>
          <c:tx>
            <c:strRef>
              <c:f>婦中地域計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婦中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婦中地域計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3708</c:v>
                </c:pt>
                <c:pt idx="6">
                  <c:v>25857</c:v>
                </c:pt>
                <c:pt idx="7">
                  <c:v>25351</c:v>
                </c:pt>
                <c:pt idx="8">
                  <c:v>25328</c:v>
                </c:pt>
                <c:pt idx="9">
                  <c:v>25310</c:v>
                </c:pt>
                <c:pt idx="10">
                  <c:v>25435</c:v>
                </c:pt>
                <c:pt idx="11">
                  <c:v>25379</c:v>
                </c:pt>
                <c:pt idx="12">
                  <c:v>25153</c:v>
                </c:pt>
                <c:pt idx="13">
                  <c:v>25017</c:v>
                </c:pt>
                <c:pt idx="14">
                  <c:v>25070</c:v>
                </c:pt>
                <c:pt idx="15">
                  <c:v>250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0C3-4E74-B14B-2A4B6C45B44F}"/>
            </c:ext>
          </c:extLst>
        </c:ser>
        <c:ser>
          <c:idx val="2"/>
          <c:order val="2"/>
          <c:tx>
            <c:strRef>
              <c:f>婦中地域計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婦中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婦中地域計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817</c:v>
                </c:pt>
                <c:pt idx="6">
                  <c:v>7693</c:v>
                </c:pt>
                <c:pt idx="7">
                  <c:v>9265</c:v>
                </c:pt>
                <c:pt idx="8">
                  <c:v>9463</c:v>
                </c:pt>
                <c:pt idx="9">
                  <c:v>9688</c:v>
                </c:pt>
                <c:pt idx="10">
                  <c:v>9895</c:v>
                </c:pt>
                <c:pt idx="11">
                  <c:v>10081</c:v>
                </c:pt>
                <c:pt idx="12">
                  <c:v>10290</c:v>
                </c:pt>
                <c:pt idx="13">
                  <c:v>10406</c:v>
                </c:pt>
                <c:pt idx="14">
                  <c:v>10430</c:v>
                </c:pt>
                <c:pt idx="15">
                  <c:v>104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80C3-4E74-B14B-2A4B6C45B44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32152"/>
        <c:axId val="492421176"/>
      </c:barChart>
      <c:catAx>
        <c:axId val="49243215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117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2117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2152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567796610169496E-2"/>
          <c:y val="3.1553398058252427E-2"/>
          <c:w val="0.90360169491525422"/>
          <c:h val="0.9126213592233010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４０１速星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１速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１速星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633</c:v>
                </c:pt>
                <c:pt idx="6">
                  <c:v>2142</c:v>
                </c:pt>
                <c:pt idx="7">
                  <c:v>2152</c:v>
                </c:pt>
                <c:pt idx="8">
                  <c:v>2088</c:v>
                </c:pt>
                <c:pt idx="9">
                  <c:v>2050</c:v>
                </c:pt>
                <c:pt idx="10">
                  <c:v>1954</c:v>
                </c:pt>
                <c:pt idx="11">
                  <c:v>1895</c:v>
                </c:pt>
                <c:pt idx="12">
                  <c:v>1799</c:v>
                </c:pt>
                <c:pt idx="13">
                  <c:v>1695</c:v>
                </c:pt>
                <c:pt idx="14">
                  <c:v>1615</c:v>
                </c:pt>
                <c:pt idx="15">
                  <c:v>15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DF1-45DE-87D6-BB3B9C2B9824}"/>
            </c:ext>
          </c:extLst>
        </c:ser>
        <c:ser>
          <c:idx val="0"/>
          <c:order val="1"/>
          <c:tx>
            <c:strRef>
              <c:f>'０４０１速星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１速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１速星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396</c:v>
                </c:pt>
                <c:pt idx="6">
                  <c:v>7558</c:v>
                </c:pt>
                <c:pt idx="7">
                  <c:v>7540</c:v>
                </c:pt>
                <c:pt idx="8">
                  <c:v>7582</c:v>
                </c:pt>
                <c:pt idx="9">
                  <c:v>7601</c:v>
                </c:pt>
                <c:pt idx="10">
                  <c:v>7689</c:v>
                </c:pt>
                <c:pt idx="11">
                  <c:v>7757</c:v>
                </c:pt>
                <c:pt idx="12">
                  <c:v>7719</c:v>
                </c:pt>
                <c:pt idx="13">
                  <c:v>7713</c:v>
                </c:pt>
                <c:pt idx="14">
                  <c:v>7751</c:v>
                </c:pt>
                <c:pt idx="15">
                  <c:v>78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DF1-45DE-87D6-BB3B9C2B9824}"/>
            </c:ext>
          </c:extLst>
        </c:ser>
        <c:ser>
          <c:idx val="2"/>
          <c:order val="2"/>
          <c:tx>
            <c:strRef>
              <c:f>'０４０１速星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１速星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１速星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683</c:v>
                </c:pt>
                <c:pt idx="6">
                  <c:v>1944</c:v>
                </c:pt>
                <c:pt idx="7">
                  <c:v>2330</c:v>
                </c:pt>
                <c:pt idx="8">
                  <c:v>2388</c:v>
                </c:pt>
                <c:pt idx="9">
                  <c:v>2423</c:v>
                </c:pt>
                <c:pt idx="10">
                  <c:v>2488</c:v>
                </c:pt>
                <c:pt idx="11">
                  <c:v>2528</c:v>
                </c:pt>
                <c:pt idx="12">
                  <c:v>2582</c:v>
                </c:pt>
                <c:pt idx="13">
                  <c:v>2598</c:v>
                </c:pt>
                <c:pt idx="14">
                  <c:v>2616</c:v>
                </c:pt>
                <c:pt idx="15">
                  <c:v>260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DF1-45DE-87D6-BB3B9C2B982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41952"/>
        <c:axId val="492434112"/>
      </c:barChart>
      <c:catAx>
        <c:axId val="49244195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411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411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1952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398099260823653E-2"/>
          <c:y val="3.1515188820062524E-2"/>
          <c:w val="0.87539598732840551"/>
          <c:h val="0.90909198519411127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４０２鵜坂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２鵜坂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２鵜坂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083</c:v>
                </c:pt>
                <c:pt idx="6">
                  <c:v>5184</c:v>
                </c:pt>
                <c:pt idx="7">
                  <c:v>5640</c:v>
                </c:pt>
                <c:pt idx="8">
                  <c:v>5705</c:v>
                </c:pt>
                <c:pt idx="9">
                  <c:v>5789</c:v>
                </c:pt>
                <c:pt idx="10">
                  <c:v>5919</c:v>
                </c:pt>
                <c:pt idx="11">
                  <c:v>5832</c:v>
                </c:pt>
                <c:pt idx="12">
                  <c:v>5833</c:v>
                </c:pt>
                <c:pt idx="13">
                  <c:v>5838</c:v>
                </c:pt>
                <c:pt idx="14">
                  <c:v>5838</c:v>
                </c:pt>
                <c:pt idx="15">
                  <c:v>58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897-4B3B-93A8-CAFBB8ABB706}"/>
            </c:ext>
          </c:extLst>
        </c:ser>
        <c:ser>
          <c:idx val="3"/>
          <c:order val="2"/>
          <c:tx>
            <c:strRef>
              <c:f>'０４０２鵜坂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２鵜坂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２鵜坂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262</c:v>
                </c:pt>
                <c:pt idx="6">
                  <c:v>5398</c:v>
                </c:pt>
                <c:pt idx="7">
                  <c:v>5897</c:v>
                </c:pt>
                <c:pt idx="8">
                  <c:v>5920</c:v>
                </c:pt>
                <c:pt idx="9">
                  <c:v>5985</c:v>
                </c:pt>
                <c:pt idx="10">
                  <c:v>6077</c:v>
                </c:pt>
                <c:pt idx="11">
                  <c:v>6069</c:v>
                </c:pt>
                <c:pt idx="12">
                  <c:v>6085</c:v>
                </c:pt>
                <c:pt idx="13">
                  <c:v>6073</c:v>
                </c:pt>
                <c:pt idx="14">
                  <c:v>6034</c:v>
                </c:pt>
                <c:pt idx="15">
                  <c:v>601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897-4B3B-93A8-CAFBB8ABB706}"/>
            </c:ext>
          </c:extLst>
        </c:ser>
        <c:ser>
          <c:idx val="1"/>
          <c:order val="3"/>
          <c:tx>
            <c:strRef>
              <c:f>'０４０２鵜坂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２鵜坂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２鵜坂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897-4B3B-93A8-CAFBB8ABB7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43912"/>
        <c:axId val="492437640"/>
      </c:barChart>
      <c:lineChart>
        <c:grouping val="standard"/>
        <c:varyColors val="0"/>
        <c:ser>
          <c:idx val="0"/>
          <c:order val="0"/>
          <c:tx>
            <c:strRef>
              <c:f>'０４０２鵜坂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A897-4B3B-93A8-CAFBB8ABB706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A897-4B3B-93A8-CAFBB8ABB706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A897-4B3B-93A8-CAFBB8ABB706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A897-4B3B-93A8-CAFBB8ABB706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A897-4B3B-93A8-CAFBB8ABB706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A897-4B3B-93A8-CAFBB8ABB706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A897-4B3B-93A8-CAFBB8ABB706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A897-4B3B-93A8-CAFBB8ABB706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A897-4B3B-93A8-CAFBB8ABB706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A897-4B3B-93A8-CAFBB8ABB706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A897-4B3B-93A8-CAFBB8ABB706}"/>
              </c:ext>
            </c:extLst>
          </c:dPt>
          <c:cat>
            <c:strRef>
              <c:f>'０４０２鵜坂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２鵜坂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345</c:v>
                </c:pt>
                <c:pt idx="6">
                  <c:v>10582</c:v>
                </c:pt>
                <c:pt idx="7">
                  <c:v>11537</c:v>
                </c:pt>
                <c:pt idx="8">
                  <c:v>11625</c:v>
                </c:pt>
                <c:pt idx="9">
                  <c:v>11774</c:v>
                </c:pt>
                <c:pt idx="10">
                  <c:v>11996</c:v>
                </c:pt>
                <c:pt idx="11">
                  <c:v>11901</c:v>
                </c:pt>
                <c:pt idx="12">
                  <c:v>11918</c:v>
                </c:pt>
                <c:pt idx="13">
                  <c:v>11911</c:v>
                </c:pt>
                <c:pt idx="14">
                  <c:v>11872</c:v>
                </c:pt>
                <c:pt idx="15">
                  <c:v>1185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A897-4B3B-93A8-CAFBB8ABB7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43912"/>
        <c:axId val="492437640"/>
      </c:lineChart>
      <c:catAx>
        <c:axId val="4924439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764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764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9.5036958817317843E-3"/>
              <c:y val="6.060606060606060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3912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6550502933399278"/>
          <c:y val="0.31341362132030098"/>
          <c:w val="0.12605149051490516"/>
          <c:h val="9.2121339378032296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 horizontalDpi="300" verticalDpi="300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223712362902531E-2"/>
          <c:y val="3.1515188820062524E-2"/>
          <c:w val="0.90400937006503213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４０２鵜坂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２鵜坂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２鵜坂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532</c:v>
                </c:pt>
                <c:pt idx="6">
                  <c:v>2089</c:v>
                </c:pt>
                <c:pt idx="7">
                  <c:v>2209</c:v>
                </c:pt>
                <c:pt idx="8">
                  <c:v>2202</c:v>
                </c:pt>
                <c:pt idx="9">
                  <c:v>2188</c:v>
                </c:pt>
                <c:pt idx="10">
                  <c:v>2206</c:v>
                </c:pt>
                <c:pt idx="11">
                  <c:v>2111</c:v>
                </c:pt>
                <c:pt idx="12">
                  <c:v>2037</c:v>
                </c:pt>
                <c:pt idx="13">
                  <c:v>1969</c:v>
                </c:pt>
                <c:pt idx="14">
                  <c:v>1877</c:v>
                </c:pt>
                <c:pt idx="15">
                  <c:v>180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AAB-4B40-8D24-A038F6F00AA7}"/>
            </c:ext>
          </c:extLst>
        </c:ser>
        <c:ser>
          <c:idx val="0"/>
          <c:order val="1"/>
          <c:tx>
            <c:strRef>
              <c:f>'０４０２鵜坂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２鵜坂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２鵜坂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629</c:v>
                </c:pt>
                <c:pt idx="6">
                  <c:v>6988</c:v>
                </c:pt>
                <c:pt idx="7">
                  <c:v>7378</c:v>
                </c:pt>
                <c:pt idx="8">
                  <c:v>7421</c:v>
                </c:pt>
                <c:pt idx="9">
                  <c:v>7535</c:v>
                </c:pt>
                <c:pt idx="10">
                  <c:v>7673</c:v>
                </c:pt>
                <c:pt idx="11">
                  <c:v>7608</c:v>
                </c:pt>
                <c:pt idx="12">
                  <c:v>7643</c:v>
                </c:pt>
                <c:pt idx="13">
                  <c:v>7645</c:v>
                </c:pt>
                <c:pt idx="14">
                  <c:v>7686</c:v>
                </c:pt>
                <c:pt idx="15">
                  <c:v>772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AAB-4B40-8D24-A038F6F00AA7}"/>
            </c:ext>
          </c:extLst>
        </c:ser>
        <c:ser>
          <c:idx val="2"/>
          <c:order val="2"/>
          <c:tx>
            <c:strRef>
              <c:f>'０４０２鵜坂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２鵜坂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２鵜坂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84</c:v>
                </c:pt>
                <c:pt idx="6">
                  <c:v>1505</c:v>
                </c:pt>
                <c:pt idx="7">
                  <c:v>1950</c:v>
                </c:pt>
                <c:pt idx="8">
                  <c:v>2002</c:v>
                </c:pt>
                <c:pt idx="9">
                  <c:v>2051</c:v>
                </c:pt>
                <c:pt idx="10">
                  <c:v>2117</c:v>
                </c:pt>
                <c:pt idx="11">
                  <c:v>2182</c:v>
                </c:pt>
                <c:pt idx="12">
                  <c:v>2238</c:v>
                </c:pt>
                <c:pt idx="13">
                  <c:v>2297</c:v>
                </c:pt>
                <c:pt idx="14">
                  <c:v>2309</c:v>
                </c:pt>
                <c:pt idx="15">
                  <c:v>232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AAB-4B40-8D24-A038F6F00AA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35680"/>
        <c:axId val="492438032"/>
      </c:barChart>
      <c:catAx>
        <c:axId val="4924356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803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803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568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7530288529462705E-2"/>
          <c:w val="0.87713766728606113"/>
          <c:h val="0.91162281492533603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４０３朝日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３朝日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３朝日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99</c:v>
                </c:pt>
                <c:pt idx="6">
                  <c:v>747</c:v>
                </c:pt>
                <c:pt idx="7">
                  <c:v>700</c:v>
                </c:pt>
                <c:pt idx="8">
                  <c:v>700</c:v>
                </c:pt>
                <c:pt idx="9">
                  <c:v>688</c:v>
                </c:pt>
                <c:pt idx="10">
                  <c:v>697</c:v>
                </c:pt>
                <c:pt idx="11">
                  <c:v>698</c:v>
                </c:pt>
                <c:pt idx="12">
                  <c:v>693</c:v>
                </c:pt>
                <c:pt idx="13">
                  <c:v>677</c:v>
                </c:pt>
                <c:pt idx="14">
                  <c:v>679</c:v>
                </c:pt>
                <c:pt idx="15">
                  <c:v>6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8D4-4410-9B32-86935E080493}"/>
            </c:ext>
          </c:extLst>
        </c:ser>
        <c:ser>
          <c:idx val="3"/>
          <c:order val="2"/>
          <c:tx>
            <c:strRef>
              <c:f>'０４０３朝日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３朝日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３朝日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44</c:v>
                </c:pt>
                <c:pt idx="6">
                  <c:v>796</c:v>
                </c:pt>
                <c:pt idx="7">
                  <c:v>745</c:v>
                </c:pt>
                <c:pt idx="8">
                  <c:v>758</c:v>
                </c:pt>
                <c:pt idx="9">
                  <c:v>762</c:v>
                </c:pt>
                <c:pt idx="10">
                  <c:v>759</c:v>
                </c:pt>
                <c:pt idx="11">
                  <c:v>754</c:v>
                </c:pt>
                <c:pt idx="12">
                  <c:v>746</c:v>
                </c:pt>
                <c:pt idx="13">
                  <c:v>743</c:v>
                </c:pt>
                <c:pt idx="14">
                  <c:v>736</c:v>
                </c:pt>
                <c:pt idx="15">
                  <c:v>73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8D4-4410-9B32-86935E080493}"/>
            </c:ext>
          </c:extLst>
        </c:ser>
        <c:ser>
          <c:idx val="1"/>
          <c:order val="3"/>
          <c:tx>
            <c:strRef>
              <c:f>'０４０３朝日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３朝日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３朝日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8D4-4410-9B32-86935E08049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42736"/>
        <c:axId val="492439992"/>
      </c:barChart>
      <c:lineChart>
        <c:grouping val="standard"/>
        <c:varyColors val="0"/>
        <c:ser>
          <c:idx val="0"/>
          <c:order val="0"/>
          <c:tx>
            <c:strRef>
              <c:f>'０４０３朝日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E8D4-4410-9B32-86935E080493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E8D4-4410-9B32-86935E080493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E8D4-4410-9B32-86935E080493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E8D4-4410-9B32-86935E080493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E8D4-4410-9B32-86935E080493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E8D4-4410-9B32-86935E080493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E8D4-4410-9B32-86935E080493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E8D4-4410-9B32-86935E080493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E8D4-4410-9B32-86935E080493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E8D4-4410-9B32-86935E080493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E8D4-4410-9B32-86935E080493}"/>
              </c:ext>
            </c:extLst>
          </c:dPt>
          <c:cat>
            <c:strRef>
              <c:f>'０４０３朝日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３朝日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643</c:v>
                </c:pt>
                <c:pt idx="6">
                  <c:v>1543</c:v>
                </c:pt>
                <c:pt idx="7">
                  <c:v>1445</c:v>
                </c:pt>
                <c:pt idx="8">
                  <c:v>1458</c:v>
                </c:pt>
                <c:pt idx="9">
                  <c:v>1450</c:v>
                </c:pt>
                <c:pt idx="10">
                  <c:v>1456</c:v>
                </c:pt>
                <c:pt idx="11">
                  <c:v>1452</c:v>
                </c:pt>
                <c:pt idx="12">
                  <c:v>1439</c:v>
                </c:pt>
                <c:pt idx="13">
                  <c:v>1420</c:v>
                </c:pt>
                <c:pt idx="14">
                  <c:v>1415</c:v>
                </c:pt>
                <c:pt idx="15">
                  <c:v>14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E8D4-4410-9B32-86935E08049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42736"/>
        <c:axId val="492439992"/>
      </c:lineChart>
      <c:catAx>
        <c:axId val="4924427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999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999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5.341880341880342E-3"/>
              <c:y val="8.474576271186440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2736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48076967943109672"/>
          <c:y val="0.3474578813241565"/>
          <c:w val="0.13190429289479294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 horizontalDpi="300" verticalDpi="300"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0543933054393307E-2"/>
          <c:y val="3.143893591293833E-2"/>
          <c:w val="0.90481171548117156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４０３朝日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３朝日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３朝日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25</c:v>
                </c:pt>
                <c:pt idx="6">
                  <c:v>172</c:v>
                </c:pt>
                <c:pt idx="7">
                  <c:v>116</c:v>
                </c:pt>
                <c:pt idx="8">
                  <c:v>125</c:v>
                </c:pt>
                <c:pt idx="9">
                  <c:v>120</c:v>
                </c:pt>
                <c:pt idx="10">
                  <c:v>124</c:v>
                </c:pt>
                <c:pt idx="11">
                  <c:v>133</c:v>
                </c:pt>
                <c:pt idx="12">
                  <c:v>132</c:v>
                </c:pt>
                <c:pt idx="13">
                  <c:v>138</c:v>
                </c:pt>
                <c:pt idx="14">
                  <c:v>148</c:v>
                </c:pt>
                <c:pt idx="15">
                  <c:v>1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6A5-49F6-A924-D5692F1918F9}"/>
            </c:ext>
          </c:extLst>
        </c:ser>
        <c:ser>
          <c:idx val="0"/>
          <c:order val="1"/>
          <c:tx>
            <c:strRef>
              <c:f>'０４０３朝日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３朝日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３朝日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98</c:v>
                </c:pt>
                <c:pt idx="6">
                  <c:v>931</c:v>
                </c:pt>
                <c:pt idx="7">
                  <c:v>867</c:v>
                </c:pt>
                <c:pt idx="8">
                  <c:v>868</c:v>
                </c:pt>
                <c:pt idx="9">
                  <c:v>857</c:v>
                </c:pt>
                <c:pt idx="10">
                  <c:v>857</c:v>
                </c:pt>
                <c:pt idx="11">
                  <c:v>843</c:v>
                </c:pt>
                <c:pt idx="12">
                  <c:v>814</c:v>
                </c:pt>
                <c:pt idx="13">
                  <c:v>790</c:v>
                </c:pt>
                <c:pt idx="14">
                  <c:v>777</c:v>
                </c:pt>
                <c:pt idx="15">
                  <c:v>76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6A5-49F6-A924-D5692F1918F9}"/>
            </c:ext>
          </c:extLst>
        </c:ser>
        <c:ser>
          <c:idx val="2"/>
          <c:order val="2"/>
          <c:tx>
            <c:strRef>
              <c:f>'０４０３朝日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３朝日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３朝日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20</c:v>
                </c:pt>
                <c:pt idx="6">
                  <c:v>440</c:v>
                </c:pt>
                <c:pt idx="7">
                  <c:v>462</c:v>
                </c:pt>
                <c:pt idx="8">
                  <c:v>465</c:v>
                </c:pt>
                <c:pt idx="9">
                  <c:v>473</c:v>
                </c:pt>
                <c:pt idx="10">
                  <c:v>475</c:v>
                </c:pt>
                <c:pt idx="11">
                  <c:v>476</c:v>
                </c:pt>
                <c:pt idx="12">
                  <c:v>493</c:v>
                </c:pt>
                <c:pt idx="13">
                  <c:v>492</c:v>
                </c:pt>
                <c:pt idx="14">
                  <c:v>490</c:v>
                </c:pt>
                <c:pt idx="15">
                  <c:v>48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B6A5-49F6-A924-D5692F1918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41560"/>
        <c:axId val="492440776"/>
      </c:barChart>
      <c:catAx>
        <c:axId val="4924415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077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4077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156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715988558118748E-2"/>
          <c:y val="4.0175334495693826E-2"/>
          <c:w val="0.86128451459436728"/>
          <c:h val="0.90898058252427183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４０４宮川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４宮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４宮川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00</c:v>
                </c:pt>
                <c:pt idx="6">
                  <c:v>1075</c:v>
                </c:pt>
                <c:pt idx="7">
                  <c:v>1069</c:v>
                </c:pt>
                <c:pt idx="8">
                  <c:v>1114</c:v>
                </c:pt>
                <c:pt idx="9">
                  <c:v>1115</c:v>
                </c:pt>
                <c:pt idx="10">
                  <c:v>1111</c:v>
                </c:pt>
                <c:pt idx="11">
                  <c:v>1105</c:v>
                </c:pt>
                <c:pt idx="12">
                  <c:v>1113</c:v>
                </c:pt>
                <c:pt idx="13">
                  <c:v>1091</c:v>
                </c:pt>
                <c:pt idx="14">
                  <c:v>1083</c:v>
                </c:pt>
                <c:pt idx="15">
                  <c:v>106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01F-4AB4-90FD-EDB7737B23CC}"/>
            </c:ext>
          </c:extLst>
        </c:ser>
        <c:ser>
          <c:idx val="3"/>
          <c:order val="2"/>
          <c:tx>
            <c:strRef>
              <c:f>'０４０４宮川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４宮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４宮川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78</c:v>
                </c:pt>
                <c:pt idx="6">
                  <c:v>1138</c:v>
                </c:pt>
                <c:pt idx="7">
                  <c:v>1129</c:v>
                </c:pt>
                <c:pt idx="8">
                  <c:v>1160</c:v>
                </c:pt>
                <c:pt idx="9">
                  <c:v>1168</c:v>
                </c:pt>
                <c:pt idx="10">
                  <c:v>1180</c:v>
                </c:pt>
                <c:pt idx="11">
                  <c:v>1173</c:v>
                </c:pt>
                <c:pt idx="12">
                  <c:v>1160</c:v>
                </c:pt>
                <c:pt idx="13">
                  <c:v>1158</c:v>
                </c:pt>
                <c:pt idx="14">
                  <c:v>1160</c:v>
                </c:pt>
                <c:pt idx="15">
                  <c:v>11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01F-4AB4-90FD-EDB7737B23CC}"/>
            </c:ext>
          </c:extLst>
        </c:ser>
        <c:ser>
          <c:idx val="1"/>
          <c:order val="3"/>
          <c:tx>
            <c:strRef>
              <c:f>'０４０４宮川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４宮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４宮川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01F-4AB4-90FD-EDB7737B23C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45872"/>
        <c:axId val="492440384"/>
      </c:barChart>
      <c:lineChart>
        <c:grouping val="standard"/>
        <c:varyColors val="0"/>
        <c:ser>
          <c:idx val="0"/>
          <c:order val="0"/>
          <c:tx>
            <c:strRef>
              <c:f>'０４０４宮川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601F-4AB4-90FD-EDB7737B23CC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601F-4AB4-90FD-EDB7737B23CC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601F-4AB4-90FD-EDB7737B23CC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601F-4AB4-90FD-EDB7737B23CC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601F-4AB4-90FD-EDB7737B23CC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601F-4AB4-90FD-EDB7737B23CC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601F-4AB4-90FD-EDB7737B23CC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601F-4AB4-90FD-EDB7737B23CC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601F-4AB4-90FD-EDB7737B23CC}"/>
              </c:ext>
            </c:extLst>
          </c:dPt>
          <c:dPt>
            <c:idx val="9"/>
            <c:marker>
              <c:spPr>
                <a:solidFill>
                  <a:srgbClr val="00000C"/>
                </a:solidFill>
                <a:ln>
                  <a:solidFill>
                    <a:srgbClr val="000000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601F-4AB4-90FD-EDB7737B23CC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601F-4AB4-90FD-EDB7737B23CC}"/>
              </c:ext>
            </c:extLst>
          </c:dPt>
          <c:cat>
            <c:strRef>
              <c:f>'０４０４宮川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４宮川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278</c:v>
                </c:pt>
                <c:pt idx="6">
                  <c:v>2213</c:v>
                </c:pt>
                <c:pt idx="7">
                  <c:v>2198</c:v>
                </c:pt>
                <c:pt idx="8">
                  <c:v>2274</c:v>
                </c:pt>
                <c:pt idx="9">
                  <c:v>2283</c:v>
                </c:pt>
                <c:pt idx="10">
                  <c:v>2291</c:v>
                </c:pt>
                <c:pt idx="11">
                  <c:v>2278</c:v>
                </c:pt>
                <c:pt idx="12">
                  <c:v>2273</c:v>
                </c:pt>
                <c:pt idx="13">
                  <c:v>2249</c:v>
                </c:pt>
                <c:pt idx="14">
                  <c:v>2243</c:v>
                </c:pt>
                <c:pt idx="15">
                  <c:v>22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601F-4AB4-90FD-EDB7737B23C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45872"/>
        <c:axId val="492440384"/>
      </c:lineChart>
      <c:catAx>
        <c:axId val="4924458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-12000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038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4038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0351966873706004E-2"/>
              <c:y val="6.067961165048543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5872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3119228570019934"/>
          <c:y val="0.26914214343324677"/>
          <c:w val="0.11969320234869016"/>
          <c:h val="9.2233009708737879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 horizontalDpi="300" verticalDpi="300"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827842720510094E-2"/>
          <c:y val="3.1591756288775516E-2"/>
          <c:w val="0.90329436769394267"/>
          <c:h val="0.912515729725785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４０４宮川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４宮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４宮川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77</c:v>
                </c:pt>
                <c:pt idx="6">
                  <c:v>238</c:v>
                </c:pt>
                <c:pt idx="7">
                  <c:v>251</c:v>
                </c:pt>
                <c:pt idx="8">
                  <c:v>276</c:v>
                </c:pt>
                <c:pt idx="9">
                  <c:v>282</c:v>
                </c:pt>
                <c:pt idx="10">
                  <c:v>290</c:v>
                </c:pt>
                <c:pt idx="11">
                  <c:v>292</c:v>
                </c:pt>
                <c:pt idx="12">
                  <c:v>310</c:v>
                </c:pt>
                <c:pt idx="13">
                  <c:v>315</c:v>
                </c:pt>
                <c:pt idx="14">
                  <c:v>316</c:v>
                </c:pt>
                <c:pt idx="15">
                  <c:v>31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B42-4780-8F32-AC2B6D811A05}"/>
            </c:ext>
          </c:extLst>
        </c:ser>
        <c:ser>
          <c:idx val="0"/>
          <c:order val="1"/>
          <c:tx>
            <c:strRef>
              <c:f>'０４０４宮川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４宮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４宮川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498</c:v>
                </c:pt>
                <c:pt idx="6">
                  <c:v>1416</c:v>
                </c:pt>
                <c:pt idx="7">
                  <c:v>1297</c:v>
                </c:pt>
                <c:pt idx="8">
                  <c:v>1327</c:v>
                </c:pt>
                <c:pt idx="9">
                  <c:v>1316</c:v>
                </c:pt>
                <c:pt idx="10">
                  <c:v>1301</c:v>
                </c:pt>
                <c:pt idx="11">
                  <c:v>1282</c:v>
                </c:pt>
                <c:pt idx="12">
                  <c:v>1252</c:v>
                </c:pt>
                <c:pt idx="13">
                  <c:v>1209</c:v>
                </c:pt>
                <c:pt idx="14">
                  <c:v>1197</c:v>
                </c:pt>
                <c:pt idx="15">
                  <c:v>115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B42-4780-8F32-AC2B6D811A05}"/>
            </c:ext>
          </c:extLst>
        </c:ser>
        <c:ser>
          <c:idx val="2"/>
          <c:order val="2"/>
          <c:tx>
            <c:strRef>
              <c:f>'０４０４宮川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４宮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４宮川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03</c:v>
                </c:pt>
                <c:pt idx="6">
                  <c:v>559</c:v>
                </c:pt>
                <c:pt idx="7">
                  <c:v>650</c:v>
                </c:pt>
                <c:pt idx="8">
                  <c:v>671</c:v>
                </c:pt>
                <c:pt idx="9">
                  <c:v>685</c:v>
                </c:pt>
                <c:pt idx="10">
                  <c:v>700</c:v>
                </c:pt>
                <c:pt idx="11">
                  <c:v>704</c:v>
                </c:pt>
                <c:pt idx="12">
                  <c:v>711</c:v>
                </c:pt>
                <c:pt idx="13">
                  <c:v>725</c:v>
                </c:pt>
                <c:pt idx="14">
                  <c:v>730</c:v>
                </c:pt>
                <c:pt idx="15">
                  <c:v>73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B42-4780-8F32-AC2B6D811A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42344"/>
        <c:axId val="492435288"/>
      </c:barChart>
      <c:catAx>
        <c:axId val="4924423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528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528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4234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460298102981029"/>
          <c:y val="3.1477020202020201E-2"/>
          <c:w val="0.8568486096807415"/>
          <c:h val="0.90920150598795135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４０５婦中熊野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５婦中熊野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５婦中熊野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573</c:v>
                </c:pt>
                <c:pt idx="6">
                  <c:v>1551</c:v>
                </c:pt>
                <c:pt idx="7">
                  <c:v>1598</c:v>
                </c:pt>
                <c:pt idx="8">
                  <c:v>1627</c:v>
                </c:pt>
                <c:pt idx="9">
                  <c:v>1625</c:v>
                </c:pt>
                <c:pt idx="10">
                  <c:v>1659</c:v>
                </c:pt>
                <c:pt idx="11">
                  <c:v>1716</c:v>
                </c:pt>
                <c:pt idx="12">
                  <c:v>1739</c:v>
                </c:pt>
                <c:pt idx="13">
                  <c:v>1777</c:v>
                </c:pt>
                <c:pt idx="14">
                  <c:v>1791</c:v>
                </c:pt>
                <c:pt idx="15">
                  <c:v>178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B9F-4FB5-A5F4-BAF1482AED3C}"/>
            </c:ext>
          </c:extLst>
        </c:ser>
        <c:ser>
          <c:idx val="3"/>
          <c:order val="2"/>
          <c:tx>
            <c:strRef>
              <c:f>'０４０５婦中熊野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５婦中熊野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５婦中熊野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623</c:v>
                </c:pt>
                <c:pt idx="6">
                  <c:v>1619</c:v>
                </c:pt>
                <c:pt idx="7">
                  <c:v>1701</c:v>
                </c:pt>
                <c:pt idx="8">
                  <c:v>1707</c:v>
                </c:pt>
                <c:pt idx="9">
                  <c:v>1734</c:v>
                </c:pt>
                <c:pt idx="10">
                  <c:v>1742</c:v>
                </c:pt>
                <c:pt idx="11">
                  <c:v>1778</c:v>
                </c:pt>
                <c:pt idx="12">
                  <c:v>1803</c:v>
                </c:pt>
                <c:pt idx="13">
                  <c:v>1846</c:v>
                </c:pt>
                <c:pt idx="14">
                  <c:v>1866</c:v>
                </c:pt>
                <c:pt idx="15">
                  <c:v>184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B9F-4FB5-A5F4-BAF1482AED3C}"/>
            </c:ext>
          </c:extLst>
        </c:ser>
        <c:ser>
          <c:idx val="1"/>
          <c:order val="3"/>
          <c:tx>
            <c:strRef>
              <c:f>'０４０５婦中熊野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４０５婦中熊野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４０５婦中熊野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B9F-4FB5-A5F4-BAF1482AED3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33720"/>
        <c:axId val="492436072"/>
      </c:barChart>
      <c:lineChart>
        <c:grouping val="standard"/>
        <c:varyColors val="0"/>
        <c:ser>
          <c:idx val="0"/>
          <c:order val="0"/>
          <c:tx>
            <c:strRef>
              <c:f>'０４０５婦中熊野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0B9F-4FB5-A5F4-BAF1482AED3C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0B9F-4FB5-A5F4-BAF1482AED3C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0B9F-4FB5-A5F4-BAF1482AED3C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0B9F-4FB5-A5F4-BAF1482AED3C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0B9F-4FB5-A5F4-BAF1482AED3C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0B9F-4FB5-A5F4-BAF1482AED3C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0B9F-4FB5-A5F4-BAF1482AED3C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0B9F-4FB5-A5F4-BAF1482AED3C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0B9F-4FB5-A5F4-BAF1482AED3C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0B9F-4FB5-A5F4-BAF1482AED3C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0B9F-4FB5-A5F4-BAF1482AED3C}"/>
              </c:ext>
            </c:extLst>
          </c:dPt>
          <c:cat>
            <c:strRef>
              <c:f>'０４０５婦中熊野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４０５婦中熊野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196</c:v>
                </c:pt>
                <c:pt idx="6">
                  <c:v>3170</c:v>
                </c:pt>
                <c:pt idx="7">
                  <c:v>3299</c:v>
                </c:pt>
                <c:pt idx="8">
                  <c:v>3334</c:v>
                </c:pt>
                <c:pt idx="9">
                  <c:v>3359</c:v>
                </c:pt>
                <c:pt idx="10">
                  <c:v>3401</c:v>
                </c:pt>
                <c:pt idx="11">
                  <c:v>3494</c:v>
                </c:pt>
                <c:pt idx="12">
                  <c:v>3542</c:v>
                </c:pt>
                <c:pt idx="13">
                  <c:v>3623</c:v>
                </c:pt>
                <c:pt idx="14">
                  <c:v>3657</c:v>
                </c:pt>
                <c:pt idx="15">
                  <c:v>362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0B9F-4FB5-A5F4-BAF1482AED3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33720"/>
        <c:axId val="492436072"/>
      </c:lineChart>
      <c:catAx>
        <c:axId val="4924337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607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607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5447991761071062E-2"/>
              <c:y val="6.053268765133171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3720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2327540650406508"/>
          <c:y val="0.27549949494949494"/>
          <c:w val="0.13350598464317975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2.xml"/><Relationship Id="rId1" Type="http://schemas.openxmlformats.org/officeDocument/2006/relationships/chart" Target="../charts/chart11.xml"/></Relationships>
</file>

<file path=xl/drawings/_rels/drawing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4.xml"/><Relationship Id="rId1" Type="http://schemas.openxmlformats.org/officeDocument/2006/relationships/chart" Target="../charts/chart13.xml"/></Relationships>
</file>

<file path=xl/drawings/_rels/drawing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6.xml"/><Relationship Id="rId1" Type="http://schemas.openxmlformats.org/officeDocument/2006/relationships/chart" Target="../charts/chart15.xml"/></Relationships>
</file>

<file path=xl/drawings/_rels/drawing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8.xml"/><Relationship Id="rId1" Type="http://schemas.openxmlformats.org/officeDocument/2006/relationships/chart" Target="../charts/chart17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6674</xdr:colOff>
      <xdr:row>51</xdr:row>
      <xdr:rowOff>38100</xdr:rowOff>
    </xdr:from>
    <xdr:to>
      <xdr:col>8</xdr:col>
      <xdr:colOff>55765</xdr:colOff>
      <xdr:row>78</xdr:row>
      <xdr:rowOff>9054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74DA7B47-FF35-438F-9A2B-7AE5350E8D4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56409</xdr:colOff>
      <xdr:row>51</xdr:row>
      <xdr:rowOff>47625</xdr:rowOff>
    </xdr:from>
    <xdr:to>
      <xdr:col>16</xdr:col>
      <xdr:colOff>1045499</xdr:colOff>
      <xdr:row>78</xdr:row>
      <xdr:rowOff>18579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1139574A-7C20-464A-B9E9-FB1859D36A3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5884</xdr:colOff>
      <xdr:row>63</xdr:row>
      <xdr:rowOff>146334</xdr:rowOff>
    </xdr:from>
    <xdr:to>
      <xdr:col>14</xdr:col>
      <xdr:colOff>446589</xdr:colOff>
      <xdr:row>64</xdr:row>
      <xdr:rowOff>107388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EB516903-08EF-43C7-80FB-5A7B8BF28F97}"/>
            </a:ext>
          </a:extLst>
        </xdr:cNvPr>
        <xdr:cNvSpPr txBox="1">
          <a:spLocks noChangeArrowheads="1"/>
        </xdr:cNvSpPr>
      </xdr:nvSpPr>
      <xdr:spPr bwMode="auto">
        <a:xfrm>
          <a:off x="12940284" y="18274314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1907</xdr:colOff>
      <xdr:row>73</xdr:row>
      <xdr:rowOff>277096</xdr:rowOff>
    </xdr:from>
    <xdr:to>
      <xdr:col>14</xdr:col>
      <xdr:colOff>462612</xdr:colOff>
      <xdr:row>74</xdr:row>
      <xdr:rowOff>238151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6333772F-6B05-4FB0-9D7F-F3FAEBF46BAA}"/>
            </a:ext>
          </a:extLst>
        </xdr:cNvPr>
        <xdr:cNvSpPr txBox="1">
          <a:spLocks noChangeArrowheads="1"/>
        </xdr:cNvSpPr>
      </xdr:nvSpPr>
      <xdr:spPr bwMode="auto">
        <a:xfrm>
          <a:off x="12956307" y="21300676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8097</xdr:colOff>
      <xdr:row>53</xdr:row>
      <xdr:rowOff>235530</xdr:rowOff>
    </xdr:from>
    <xdr:to>
      <xdr:col>14</xdr:col>
      <xdr:colOff>458802</xdr:colOff>
      <xdr:row>54</xdr:row>
      <xdr:rowOff>196585</xdr:rowOff>
    </xdr:to>
    <xdr:sp macro="" textlink="">
      <xdr:nvSpPr>
        <xdr:cNvPr id="6" name="Text Box 5">
          <a:extLst>
            <a:ext uri="{FF2B5EF4-FFF2-40B4-BE49-F238E27FC236}">
              <a16:creationId xmlns:a16="http://schemas.microsoft.com/office/drawing/2014/main" id="{195A1F03-1B4A-486F-8D3F-D43C2F2AEB74}"/>
            </a:ext>
          </a:extLst>
        </xdr:cNvPr>
        <xdr:cNvSpPr txBox="1">
          <a:spLocks noChangeArrowheads="1"/>
        </xdr:cNvSpPr>
      </xdr:nvSpPr>
      <xdr:spPr bwMode="auto">
        <a:xfrm>
          <a:off x="12952497" y="15467910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09104</xdr:colOff>
      <xdr:row>51</xdr:row>
      <xdr:rowOff>20780</xdr:rowOff>
    </xdr:from>
    <xdr:to>
      <xdr:col>8</xdr:col>
      <xdr:colOff>98195</xdr:colOff>
      <xdr:row>77</xdr:row>
      <xdr:rowOff>286143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B4A4E1AB-C729-496D-B2D8-B5718130913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0</xdr:colOff>
      <xdr:row>51</xdr:row>
      <xdr:rowOff>39831</xdr:rowOff>
    </xdr:from>
    <xdr:to>
      <xdr:col>16</xdr:col>
      <xdr:colOff>1097454</xdr:colOff>
      <xdr:row>78</xdr:row>
      <xdr:rowOff>10785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181C9171-3424-4FCC-AA28-9706FBB772D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82938</xdr:colOff>
      <xdr:row>63</xdr:row>
      <xdr:rowOff>8665</xdr:rowOff>
    </xdr:from>
    <xdr:to>
      <xdr:col>14</xdr:col>
      <xdr:colOff>433643</xdr:colOff>
      <xdr:row>63</xdr:row>
      <xdr:rowOff>260665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7509F570-1511-49D6-85BD-16D310F861E7}"/>
            </a:ext>
          </a:extLst>
        </xdr:cNvPr>
        <xdr:cNvSpPr txBox="1">
          <a:spLocks noChangeArrowheads="1"/>
        </xdr:cNvSpPr>
      </xdr:nvSpPr>
      <xdr:spPr bwMode="auto">
        <a:xfrm>
          <a:off x="12927338" y="18136645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3620</xdr:colOff>
      <xdr:row>73</xdr:row>
      <xdr:rowOff>234969</xdr:rowOff>
    </xdr:from>
    <xdr:to>
      <xdr:col>14</xdr:col>
      <xdr:colOff>464325</xdr:colOff>
      <xdr:row>74</xdr:row>
      <xdr:rowOff>196024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B3046021-FEDD-4EB5-9F9C-5D9D7685CF0A}"/>
            </a:ext>
          </a:extLst>
        </xdr:cNvPr>
        <xdr:cNvSpPr txBox="1">
          <a:spLocks noChangeArrowheads="1"/>
        </xdr:cNvSpPr>
      </xdr:nvSpPr>
      <xdr:spPr bwMode="auto">
        <a:xfrm>
          <a:off x="12958020" y="21258549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3288</xdr:colOff>
      <xdr:row>53</xdr:row>
      <xdr:rowOff>136814</xdr:rowOff>
    </xdr:from>
    <xdr:to>
      <xdr:col>14</xdr:col>
      <xdr:colOff>453993</xdr:colOff>
      <xdr:row>54</xdr:row>
      <xdr:rowOff>97869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147746CD-8418-416C-ADC8-583BC3B0B14B}"/>
            </a:ext>
          </a:extLst>
        </xdr:cNvPr>
        <xdr:cNvSpPr txBox="1">
          <a:spLocks noChangeArrowheads="1"/>
        </xdr:cNvSpPr>
      </xdr:nvSpPr>
      <xdr:spPr bwMode="auto">
        <a:xfrm>
          <a:off x="12947688" y="15369194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3</xdr:colOff>
      <xdr:row>51</xdr:row>
      <xdr:rowOff>39832</xdr:rowOff>
    </xdr:from>
    <xdr:to>
      <xdr:col>7</xdr:col>
      <xdr:colOff>1040303</xdr:colOff>
      <xdr:row>77</xdr:row>
      <xdr:rowOff>35032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A0C182D4-AE4A-4DA5-912C-5067B9E4E15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108364</xdr:colOff>
      <xdr:row>51</xdr:row>
      <xdr:rowOff>20781</xdr:rowOff>
    </xdr:from>
    <xdr:to>
      <xdr:col>16</xdr:col>
      <xdr:colOff>1048964</xdr:colOff>
      <xdr:row>77</xdr:row>
      <xdr:rowOff>263631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8BCE6B7F-160F-4EAB-8E81-BBF7B67F813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9485</xdr:colOff>
      <xdr:row>66</xdr:row>
      <xdr:rowOff>46761</xdr:rowOff>
    </xdr:from>
    <xdr:to>
      <xdr:col>14</xdr:col>
      <xdr:colOff>450190</xdr:colOff>
      <xdr:row>67</xdr:row>
      <xdr:rowOff>7816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8F3FFDB7-99C5-4370-B7E5-29F6085434AC}"/>
            </a:ext>
          </a:extLst>
        </xdr:cNvPr>
        <xdr:cNvSpPr txBox="1">
          <a:spLocks noChangeArrowheads="1"/>
        </xdr:cNvSpPr>
      </xdr:nvSpPr>
      <xdr:spPr bwMode="auto">
        <a:xfrm>
          <a:off x="12943885" y="19043421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72765</xdr:colOff>
      <xdr:row>74</xdr:row>
      <xdr:rowOff>259469</xdr:rowOff>
    </xdr:from>
    <xdr:to>
      <xdr:col>14</xdr:col>
      <xdr:colOff>423470</xdr:colOff>
      <xdr:row>75</xdr:row>
      <xdr:rowOff>220523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5C3EE27E-2DCD-4C08-9058-E36C7B89233C}"/>
            </a:ext>
          </a:extLst>
        </xdr:cNvPr>
        <xdr:cNvSpPr txBox="1">
          <a:spLocks noChangeArrowheads="1"/>
        </xdr:cNvSpPr>
      </xdr:nvSpPr>
      <xdr:spPr bwMode="auto">
        <a:xfrm>
          <a:off x="12917165" y="21572609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3292</xdr:colOff>
      <xdr:row>55</xdr:row>
      <xdr:rowOff>81395</xdr:rowOff>
    </xdr:from>
    <xdr:to>
      <xdr:col>14</xdr:col>
      <xdr:colOff>453997</xdr:colOff>
      <xdr:row>56</xdr:row>
      <xdr:rowOff>42450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7532EE91-CD59-4147-BB47-3A57655C7138}"/>
            </a:ext>
          </a:extLst>
        </xdr:cNvPr>
        <xdr:cNvSpPr txBox="1">
          <a:spLocks noChangeArrowheads="1"/>
        </xdr:cNvSpPr>
      </xdr:nvSpPr>
      <xdr:spPr bwMode="auto">
        <a:xfrm>
          <a:off x="12947692" y="15892895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2</xdr:colOff>
      <xdr:row>51</xdr:row>
      <xdr:rowOff>39832</xdr:rowOff>
    </xdr:from>
    <xdr:to>
      <xdr:col>8</xdr:col>
      <xdr:colOff>41043</xdr:colOff>
      <xdr:row>78</xdr:row>
      <xdr:rowOff>10786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A49B11E2-5EBB-4C1F-990A-113A4D46EDD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32164</xdr:colOff>
      <xdr:row>51</xdr:row>
      <xdr:rowOff>58880</xdr:rowOff>
    </xdr:from>
    <xdr:to>
      <xdr:col>16</xdr:col>
      <xdr:colOff>1021255</xdr:colOff>
      <xdr:row>78</xdr:row>
      <xdr:rowOff>29834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C958AD90-45FC-43E2-8CEA-2398496609E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22957</xdr:colOff>
      <xdr:row>65</xdr:row>
      <xdr:rowOff>152405</xdr:rowOff>
    </xdr:from>
    <xdr:to>
      <xdr:col>14</xdr:col>
      <xdr:colOff>473662</xdr:colOff>
      <xdr:row>66</xdr:row>
      <xdr:rowOff>113459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F9A9A89E-47EA-4932-8290-2340B7309015}"/>
            </a:ext>
          </a:extLst>
        </xdr:cNvPr>
        <xdr:cNvSpPr txBox="1">
          <a:spLocks noChangeArrowheads="1"/>
        </xdr:cNvSpPr>
      </xdr:nvSpPr>
      <xdr:spPr bwMode="auto">
        <a:xfrm>
          <a:off x="12967357" y="18859505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1905</xdr:colOff>
      <xdr:row>74</xdr:row>
      <xdr:rowOff>213013</xdr:rowOff>
    </xdr:from>
    <xdr:to>
      <xdr:col>14</xdr:col>
      <xdr:colOff>462610</xdr:colOff>
      <xdr:row>75</xdr:row>
      <xdr:rowOff>174067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731D4E1D-D918-44D7-99F4-CEC89DC21D42}"/>
            </a:ext>
          </a:extLst>
        </xdr:cNvPr>
        <xdr:cNvSpPr txBox="1">
          <a:spLocks noChangeArrowheads="1"/>
        </xdr:cNvSpPr>
      </xdr:nvSpPr>
      <xdr:spPr bwMode="auto">
        <a:xfrm>
          <a:off x="12956305" y="21526153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25681</xdr:colOff>
      <xdr:row>55</xdr:row>
      <xdr:rowOff>5198</xdr:rowOff>
    </xdr:from>
    <xdr:to>
      <xdr:col>14</xdr:col>
      <xdr:colOff>476386</xdr:colOff>
      <xdr:row>55</xdr:row>
      <xdr:rowOff>257198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022A008F-1C6D-478A-BCBC-7E600B635C04}"/>
            </a:ext>
          </a:extLst>
        </xdr:cNvPr>
        <xdr:cNvSpPr txBox="1">
          <a:spLocks noChangeArrowheads="1"/>
        </xdr:cNvSpPr>
      </xdr:nvSpPr>
      <xdr:spPr bwMode="auto">
        <a:xfrm>
          <a:off x="12970081" y="15816698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4</xdr:colOff>
      <xdr:row>51</xdr:row>
      <xdr:rowOff>20781</xdr:rowOff>
    </xdr:from>
    <xdr:to>
      <xdr:col>8</xdr:col>
      <xdr:colOff>41045</xdr:colOff>
      <xdr:row>77</xdr:row>
      <xdr:rowOff>286144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1A3DB878-16D7-4760-9E74-248354657D1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0</xdr:colOff>
      <xdr:row>51</xdr:row>
      <xdr:rowOff>55416</xdr:rowOff>
    </xdr:from>
    <xdr:to>
      <xdr:col>16</xdr:col>
      <xdr:colOff>1097454</xdr:colOff>
      <xdr:row>78</xdr:row>
      <xdr:rowOff>26370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CE4B1174-D6C3-4E96-A016-1123AFC4F5A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7951</xdr:colOff>
      <xdr:row>64</xdr:row>
      <xdr:rowOff>268434</xdr:rowOff>
    </xdr:from>
    <xdr:to>
      <xdr:col>14</xdr:col>
      <xdr:colOff>447842</xdr:colOff>
      <xdr:row>65</xdr:row>
      <xdr:rowOff>230874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C300D6D8-25C4-4B41-9BD7-71A133D2BC1E}"/>
            </a:ext>
          </a:extLst>
        </xdr:cNvPr>
        <xdr:cNvSpPr txBox="1">
          <a:spLocks noChangeArrowheads="1"/>
        </xdr:cNvSpPr>
      </xdr:nvSpPr>
      <xdr:spPr bwMode="auto">
        <a:xfrm>
          <a:off x="12942351" y="18685974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06887</xdr:colOff>
      <xdr:row>74</xdr:row>
      <xdr:rowOff>142010</xdr:rowOff>
    </xdr:from>
    <xdr:to>
      <xdr:col>14</xdr:col>
      <xdr:colOff>456778</xdr:colOff>
      <xdr:row>75</xdr:row>
      <xdr:rowOff>104450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BB74B915-BCC0-4A97-AD7E-F2440CA635BA}"/>
            </a:ext>
          </a:extLst>
        </xdr:cNvPr>
        <xdr:cNvSpPr txBox="1">
          <a:spLocks noChangeArrowheads="1"/>
        </xdr:cNvSpPr>
      </xdr:nvSpPr>
      <xdr:spPr bwMode="auto">
        <a:xfrm>
          <a:off x="12951287" y="2145515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6194</xdr:colOff>
      <xdr:row>54</xdr:row>
      <xdr:rowOff>147210</xdr:rowOff>
    </xdr:from>
    <xdr:to>
      <xdr:col>14</xdr:col>
      <xdr:colOff>456085</xdr:colOff>
      <xdr:row>55</xdr:row>
      <xdr:rowOff>109650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CB5E4143-6DB8-4AE6-B9FB-0E3D42772EFE}"/>
            </a:ext>
          </a:extLst>
        </xdr:cNvPr>
        <xdr:cNvSpPr txBox="1">
          <a:spLocks noChangeArrowheads="1"/>
        </xdr:cNvSpPr>
      </xdr:nvSpPr>
      <xdr:spPr bwMode="auto">
        <a:xfrm>
          <a:off x="12950594" y="15669150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636</xdr:colOff>
      <xdr:row>51</xdr:row>
      <xdr:rowOff>11256</xdr:rowOff>
    </xdr:from>
    <xdr:to>
      <xdr:col>8</xdr:col>
      <xdr:colOff>23727</xdr:colOff>
      <xdr:row>77</xdr:row>
      <xdr:rowOff>276619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582F933F-CFA4-4449-87F7-1CE551BEA5E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91045</xdr:colOff>
      <xdr:row>51</xdr:row>
      <xdr:rowOff>38098</xdr:rowOff>
    </xdr:from>
    <xdr:to>
      <xdr:col>16</xdr:col>
      <xdr:colOff>1080135</xdr:colOff>
      <xdr:row>78</xdr:row>
      <xdr:rowOff>9052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9EA91110-7D0F-4367-A215-F686F6CEA36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2531</xdr:colOff>
      <xdr:row>65</xdr:row>
      <xdr:rowOff>152404</xdr:rowOff>
    </xdr:from>
    <xdr:to>
      <xdr:col>14</xdr:col>
      <xdr:colOff>443236</xdr:colOff>
      <xdr:row>66</xdr:row>
      <xdr:rowOff>113458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F6700671-4D0F-4E54-9B93-82E656539F90}"/>
            </a:ext>
          </a:extLst>
        </xdr:cNvPr>
        <xdr:cNvSpPr txBox="1">
          <a:spLocks noChangeArrowheads="1"/>
        </xdr:cNvSpPr>
      </xdr:nvSpPr>
      <xdr:spPr bwMode="auto">
        <a:xfrm>
          <a:off x="12936931" y="18859504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1913</xdr:colOff>
      <xdr:row>74</xdr:row>
      <xdr:rowOff>193096</xdr:rowOff>
    </xdr:from>
    <xdr:to>
      <xdr:col>14</xdr:col>
      <xdr:colOff>462618</xdr:colOff>
      <xdr:row>75</xdr:row>
      <xdr:rowOff>154150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BDC66C0D-88CE-4F93-B733-A26A39865FAD}"/>
            </a:ext>
          </a:extLst>
        </xdr:cNvPr>
        <xdr:cNvSpPr txBox="1">
          <a:spLocks noChangeArrowheads="1"/>
        </xdr:cNvSpPr>
      </xdr:nvSpPr>
      <xdr:spPr bwMode="auto">
        <a:xfrm>
          <a:off x="12956313" y="21506236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0177</xdr:colOff>
      <xdr:row>55</xdr:row>
      <xdr:rowOff>3464</xdr:rowOff>
    </xdr:from>
    <xdr:to>
      <xdr:col>14</xdr:col>
      <xdr:colOff>460882</xdr:colOff>
      <xdr:row>55</xdr:row>
      <xdr:rowOff>255464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39F27988-C6F2-4A2F-9F1A-EE7A31846551}"/>
            </a:ext>
          </a:extLst>
        </xdr:cNvPr>
        <xdr:cNvSpPr txBox="1">
          <a:spLocks noChangeArrowheads="1"/>
        </xdr:cNvSpPr>
      </xdr:nvSpPr>
      <xdr:spPr bwMode="auto">
        <a:xfrm>
          <a:off x="12954577" y="15814964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2734</xdr:colOff>
      <xdr:row>51</xdr:row>
      <xdr:rowOff>20780</xdr:rowOff>
    </xdr:from>
    <xdr:to>
      <xdr:col>8</xdr:col>
      <xdr:colOff>61825</xdr:colOff>
      <xdr:row>77</xdr:row>
      <xdr:rowOff>286143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B463DC07-8766-42EB-810F-C85D7A7B64F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56410</xdr:colOff>
      <xdr:row>51</xdr:row>
      <xdr:rowOff>43294</xdr:rowOff>
    </xdr:from>
    <xdr:to>
      <xdr:col>16</xdr:col>
      <xdr:colOff>1045500</xdr:colOff>
      <xdr:row>78</xdr:row>
      <xdr:rowOff>14248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DF01D817-5E75-43E3-8B0C-08EA9A34A18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84256</xdr:colOff>
      <xdr:row>66</xdr:row>
      <xdr:rowOff>43607</xdr:rowOff>
    </xdr:from>
    <xdr:to>
      <xdr:col>14</xdr:col>
      <xdr:colOff>434147</xdr:colOff>
      <xdr:row>67</xdr:row>
      <xdr:rowOff>6047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8BF04666-29DC-43A3-8DE8-99CA73D63CFB}"/>
            </a:ext>
          </a:extLst>
        </xdr:cNvPr>
        <xdr:cNvSpPr txBox="1">
          <a:spLocks noChangeArrowheads="1"/>
        </xdr:cNvSpPr>
      </xdr:nvSpPr>
      <xdr:spPr bwMode="auto">
        <a:xfrm>
          <a:off x="12928656" y="1904026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7519</xdr:colOff>
      <xdr:row>74</xdr:row>
      <xdr:rowOff>187038</xdr:rowOff>
    </xdr:from>
    <xdr:to>
      <xdr:col>14</xdr:col>
      <xdr:colOff>467410</xdr:colOff>
      <xdr:row>75</xdr:row>
      <xdr:rowOff>149478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9BD0D9C3-453B-4981-9F3A-ED0B511A9F2C}"/>
            </a:ext>
          </a:extLst>
        </xdr:cNvPr>
        <xdr:cNvSpPr txBox="1">
          <a:spLocks noChangeArrowheads="1"/>
        </xdr:cNvSpPr>
      </xdr:nvSpPr>
      <xdr:spPr bwMode="auto">
        <a:xfrm>
          <a:off x="12961919" y="21500178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8166</xdr:colOff>
      <xdr:row>55</xdr:row>
      <xdr:rowOff>161931</xdr:rowOff>
    </xdr:from>
    <xdr:to>
      <xdr:col>14</xdr:col>
      <xdr:colOff>458057</xdr:colOff>
      <xdr:row>56</xdr:row>
      <xdr:rowOff>124371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5C9CD58C-B133-4B89-A20A-016C2259997C}"/>
            </a:ext>
          </a:extLst>
        </xdr:cNvPr>
        <xdr:cNvSpPr txBox="1">
          <a:spLocks noChangeArrowheads="1"/>
        </xdr:cNvSpPr>
      </xdr:nvSpPr>
      <xdr:spPr bwMode="auto">
        <a:xfrm>
          <a:off x="12952566" y="1597343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8099</xdr:colOff>
      <xdr:row>51</xdr:row>
      <xdr:rowOff>12986</xdr:rowOff>
    </xdr:from>
    <xdr:to>
      <xdr:col>8</xdr:col>
      <xdr:colOff>27190</xdr:colOff>
      <xdr:row>77</xdr:row>
      <xdr:rowOff>278349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5A49B79E-C46D-491C-90AD-91226ECBF54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0</xdr:colOff>
      <xdr:row>51</xdr:row>
      <xdr:rowOff>38099</xdr:rowOff>
    </xdr:from>
    <xdr:to>
      <xdr:col>16</xdr:col>
      <xdr:colOff>1097454</xdr:colOff>
      <xdr:row>78</xdr:row>
      <xdr:rowOff>9053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33FBF01A-5C1D-482F-9EED-3F34920AD57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85197</xdr:colOff>
      <xdr:row>65</xdr:row>
      <xdr:rowOff>71006</xdr:rowOff>
    </xdr:from>
    <xdr:to>
      <xdr:col>14</xdr:col>
      <xdr:colOff>435902</xdr:colOff>
      <xdr:row>66</xdr:row>
      <xdr:rowOff>32060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0BABE714-7176-41BB-A8EB-A3A4F0153327}"/>
            </a:ext>
          </a:extLst>
        </xdr:cNvPr>
        <xdr:cNvSpPr txBox="1">
          <a:spLocks noChangeArrowheads="1"/>
        </xdr:cNvSpPr>
      </xdr:nvSpPr>
      <xdr:spPr bwMode="auto">
        <a:xfrm>
          <a:off x="12929597" y="18778106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21671</xdr:colOff>
      <xdr:row>74</xdr:row>
      <xdr:rowOff>174050</xdr:rowOff>
    </xdr:from>
    <xdr:to>
      <xdr:col>14</xdr:col>
      <xdr:colOff>472376</xdr:colOff>
      <xdr:row>75</xdr:row>
      <xdr:rowOff>135104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FB40AD15-490B-43CF-882C-2F2CAA00D486}"/>
            </a:ext>
          </a:extLst>
        </xdr:cNvPr>
        <xdr:cNvSpPr txBox="1">
          <a:spLocks noChangeArrowheads="1"/>
        </xdr:cNvSpPr>
      </xdr:nvSpPr>
      <xdr:spPr bwMode="auto">
        <a:xfrm>
          <a:off x="12966071" y="21487190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0888</xdr:colOff>
      <xdr:row>54</xdr:row>
      <xdr:rowOff>246384</xdr:rowOff>
    </xdr:from>
    <xdr:to>
      <xdr:col>14</xdr:col>
      <xdr:colOff>451593</xdr:colOff>
      <xdr:row>55</xdr:row>
      <xdr:rowOff>207438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AA7E90A5-3BC1-431D-B942-05B87A2E0DEE}"/>
            </a:ext>
          </a:extLst>
        </xdr:cNvPr>
        <xdr:cNvSpPr txBox="1">
          <a:spLocks noChangeArrowheads="1"/>
        </xdr:cNvSpPr>
      </xdr:nvSpPr>
      <xdr:spPr bwMode="auto">
        <a:xfrm>
          <a:off x="12945288" y="15768324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34216</xdr:colOff>
      <xdr:row>51</xdr:row>
      <xdr:rowOff>47625</xdr:rowOff>
    </xdr:from>
    <xdr:to>
      <xdr:col>8</xdr:col>
      <xdr:colOff>123307</xdr:colOff>
      <xdr:row>78</xdr:row>
      <xdr:rowOff>18579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9DCE11B8-8853-4B56-8418-71F189AAE91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56410</xdr:colOff>
      <xdr:row>51</xdr:row>
      <xdr:rowOff>55417</xdr:rowOff>
    </xdr:from>
    <xdr:to>
      <xdr:col>16</xdr:col>
      <xdr:colOff>1045500</xdr:colOff>
      <xdr:row>78</xdr:row>
      <xdr:rowOff>26371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3265A3CF-31FD-473B-9EB8-96CCF24D110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3067</xdr:colOff>
      <xdr:row>64</xdr:row>
      <xdr:rowOff>27718</xdr:rowOff>
    </xdr:from>
    <xdr:to>
      <xdr:col>14</xdr:col>
      <xdr:colOff>452958</xdr:colOff>
      <xdr:row>64</xdr:row>
      <xdr:rowOff>279718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D45B9D9E-B832-4B69-8114-90CB9BDBE499}"/>
            </a:ext>
          </a:extLst>
        </xdr:cNvPr>
        <xdr:cNvSpPr txBox="1">
          <a:spLocks noChangeArrowheads="1"/>
        </xdr:cNvSpPr>
      </xdr:nvSpPr>
      <xdr:spPr bwMode="auto">
        <a:xfrm>
          <a:off x="12947467" y="18445258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07611</xdr:colOff>
      <xdr:row>74</xdr:row>
      <xdr:rowOff>72738</xdr:rowOff>
    </xdr:from>
    <xdr:to>
      <xdr:col>14</xdr:col>
      <xdr:colOff>457502</xdr:colOff>
      <xdr:row>75</xdr:row>
      <xdr:rowOff>35178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4512009B-8A4B-4429-BDD7-4021FA2582BC}"/>
            </a:ext>
          </a:extLst>
        </xdr:cNvPr>
        <xdr:cNvSpPr txBox="1">
          <a:spLocks noChangeArrowheads="1"/>
        </xdr:cNvSpPr>
      </xdr:nvSpPr>
      <xdr:spPr bwMode="auto">
        <a:xfrm>
          <a:off x="12952011" y="21385878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0177</xdr:colOff>
      <xdr:row>54</xdr:row>
      <xdr:rowOff>56292</xdr:rowOff>
    </xdr:from>
    <xdr:to>
      <xdr:col>14</xdr:col>
      <xdr:colOff>460068</xdr:colOff>
      <xdr:row>55</xdr:row>
      <xdr:rowOff>18732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D5869D92-5F3B-4FA6-83BD-6C474C1D79C4}"/>
            </a:ext>
          </a:extLst>
        </xdr:cNvPr>
        <xdr:cNvSpPr txBox="1">
          <a:spLocks noChangeArrowheads="1"/>
        </xdr:cNvSpPr>
      </xdr:nvSpPr>
      <xdr:spPr bwMode="auto">
        <a:xfrm>
          <a:off x="12954577" y="1557823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9712</v>
          </cell>
          <cell r="H26">
            <v>11644</v>
          </cell>
          <cell r="I26">
            <v>12022</v>
          </cell>
          <cell r="J26">
            <v>12058</v>
          </cell>
          <cell r="K26">
            <v>12074</v>
          </cell>
          <cell r="L26">
            <v>12131</v>
          </cell>
          <cell r="M26">
            <v>12180</v>
          </cell>
          <cell r="N26">
            <v>12100</v>
          </cell>
          <cell r="O26">
            <v>12006</v>
          </cell>
          <cell r="P26">
            <v>11982</v>
          </cell>
          <cell r="Q26">
            <v>11928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633</v>
          </cell>
          <cell r="H31">
            <v>2142</v>
          </cell>
          <cell r="I31">
            <v>2152</v>
          </cell>
          <cell r="J31">
            <v>2088</v>
          </cell>
          <cell r="K31">
            <v>2050</v>
          </cell>
          <cell r="L31">
            <v>1954</v>
          </cell>
          <cell r="M31">
            <v>1895</v>
          </cell>
          <cell r="N31">
            <v>1799</v>
          </cell>
          <cell r="O31">
            <v>1695</v>
          </cell>
          <cell r="P31">
            <v>1615</v>
          </cell>
          <cell r="Q31">
            <v>1510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6396</v>
          </cell>
          <cell r="H32">
            <v>7558</v>
          </cell>
          <cell r="I32">
            <v>7540</v>
          </cell>
          <cell r="J32">
            <v>7582</v>
          </cell>
          <cell r="K32">
            <v>7601</v>
          </cell>
          <cell r="L32">
            <v>7689</v>
          </cell>
          <cell r="M32">
            <v>7757</v>
          </cell>
          <cell r="N32">
            <v>7719</v>
          </cell>
          <cell r="O32">
            <v>7713</v>
          </cell>
          <cell r="P32">
            <v>7751</v>
          </cell>
          <cell r="Q32">
            <v>7810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683</v>
          </cell>
          <cell r="H33">
            <v>1944</v>
          </cell>
          <cell r="I33">
            <v>2330</v>
          </cell>
          <cell r="J33">
            <v>2388</v>
          </cell>
          <cell r="K33">
            <v>2423</v>
          </cell>
          <cell r="L33">
            <v>2488</v>
          </cell>
          <cell r="M33">
            <v>2528</v>
          </cell>
          <cell r="N33">
            <v>2582</v>
          </cell>
          <cell r="O33">
            <v>2598</v>
          </cell>
          <cell r="P33">
            <v>2616</v>
          </cell>
          <cell r="Q33">
            <v>2608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4749</v>
          </cell>
          <cell r="H105">
            <v>5734</v>
          </cell>
          <cell r="I105">
            <v>5886</v>
          </cell>
          <cell r="J105">
            <v>5924</v>
          </cell>
          <cell r="K105">
            <v>5965</v>
          </cell>
          <cell r="L105">
            <v>6004</v>
          </cell>
          <cell r="M105">
            <v>6027</v>
          </cell>
          <cell r="N105">
            <v>5975</v>
          </cell>
          <cell r="O105">
            <v>5939</v>
          </cell>
          <cell r="P105">
            <v>5923</v>
          </cell>
          <cell r="Q105">
            <v>5890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4963</v>
          </cell>
          <cell r="H151">
            <v>5910</v>
          </cell>
          <cell r="I151">
            <v>6136</v>
          </cell>
          <cell r="J151">
            <v>6134</v>
          </cell>
          <cell r="K151">
            <v>6109</v>
          </cell>
          <cell r="L151">
            <v>6127</v>
          </cell>
          <cell r="M151">
            <v>6153</v>
          </cell>
          <cell r="N151">
            <v>6125</v>
          </cell>
          <cell r="O151">
            <v>6067</v>
          </cell>
          <cell r="P151">
            <v>6059</v>
          </cell>
          <cell r="Q151">
            <v>6038</v>
          </cell>
        </row>
      </sheetData>
      <sheetData sheetId="83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8345</v>
          </cell>
          <cell r="H26">
            <v>10582</v>
          </cell>
          <cell r="I26">
            <v>11537</v>
          </cell>
          <cell r="J26">
            <v>11625</v>
          </cell>
          <cell r="K26">
            <v>11774</v>
          </cell>
          <cell r="L26">
            <v>11996</v>
          </cell>
          <cell r="M26">
            <v>11901</v>
          </cell>
          <cell r="N26">
            <v>11918</v>
          </cell>
          <cell r="O26">
            <v>11911</v>
          </cell>
          <cell r="P26">
            <v>11872</v>
          </cell>
          <cell r="Q26">
            <v>1185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532</v>
          </cell>
          <cell r="H31">
            <v>2089</v>
          </cell>
          <cell r="I31">
            <v>2209</v>
          </cell>
          <cell r="J31">
            <v>2202</v>
          </cell>
          <cell r="K31">
            <v>2188</v>
          </cell>
          <cell r="L31">
            <v>2206</v>
          </cell>
          <cell r="M31">
            <v>2111</v>
          </cell>
          <cell r="N31">
            <v>2037</v>
          </cell>
          <cell r="O31">
            <v>1969</v>
          </cell>
          <cell r="P31">
            <v>1877</v>
          </cell>
          <cell r="Q31">
            <v>1805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5629</v>
          </cell>
          <cell r="H32">
            <v>6988</v>
          </cell>
          <cell r="I32">
            <v>7378</v>
          </cell>
          <cell r="J32">
            <v>7421</v>
          </cell>
          <cell r="K32">
            <v>7535</v>
          </cell>
          <cell r="L32">
            <v>7673</v>
          </cell>
          <cell r="M32">
            <v>7608</v>
          </cell>
          <cell r="N32">
            <v>7643</v>
          </cell>
          <cell r="O32">
            <v>7645</v>
          </cell>
          <cell r="P32">
            <v>7686</v>
          </cell>
          <cell r="Q32">
            <v>7724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184</v>
          </cell>
          <cell r="H33">
            <v>1505</v>
          </cell>
          <cell r="I33">
            <v>1950</v>
          </cell>
          <cell r="J33">
            <v>2002</v>
          </cell>
          <cell r="K33">
            <v>2051</v>
          </cell>
          <cell r="L33">
            <v>2117</v>
          </cell>
          <cell r="M33">
            <v>2182</v>
          </cell>
          <cell r="N33">
            <v>2238</v>
          </cell>
          <cell r="O33">
            <v>2297</v>
          </cell>
          <cell r="P33">
            <v>2309</v>
          </cell>
          <cell r="Q33">
            <v>2323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4083</v>
          </cell>
          <cell r="H105">
            <v>5184</v>
          </cell>
          <cell r="I105">
            <v>5640</v>
          </cell>
          <cell r="J105">
            <v>5705</v>
          </cell>
          <cell r="K105">
            <v>5789</v>
          </cell>
          <cell r="L105">
            <v>5919</v>
          </cell>
          <cell r="M105">
            <v>5832</v>
          </cell>
          <cell r="N105">
            <v>5833</v>
          </cell>
          <cell r="O105">
            <v>5838</v>
          </cell>
          <cell r="P105">
            <v>5838</v>
          </cell>
          <cell r="Q105">
            <v>5834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4262</v>
          </cell>
          <cell r="H151">
            <v>5398</v>
          </cell>
          <cell r="I151">
            <v>5897</v>
          </cell>
          <cell r="J151">
            <v>5920</v>
          </cell>
          <cell r="K151">
            <v>5985</v>
          </cell>
          <cell r="L151">
            <v>6077</v>
          </cell>
          <cell r="M151">
            <v>6069</v>
          </cell>
          <cell r="N151">
            <v>6085</v>
          </cell>
          <cell r="O151">
            <v>6073</v>
          </cell>
          <cell r="P151">
            <v>6034</v>
          </cell>
          <cell r="Q151">
            <v>6018</v>
          </cell>
        </row>
      </sheetData>
      <sheetData sheetId="84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643</v>
          </cell>
          <cell r="H26">
            <v>1543</v>
          </cell>
          <cell r="I26">
            <v>1445</v>
          </cell>
          <cell r="J26">
            <v>1458</v>
          </cell>
          <cell r="K26">
            <v>1450</v>
          </cell>
          <cell r="L26">
            <v>1456</v>
          </cell>
          <cell r="M26">
            <v>1452</v>
          </cell>
          <cell r="N26">
            <v>1439</v>
          </cell>
          <cell r="O26">
            <v>1420</v>
          </cell>
          <cell r="P26">
            <v>1415</v>
          </cell>
          <cell r="Q26">
            <v>140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225</v>
          </cell>
          <cell r="H31">
            <v>172</v>
          </cell>
          <cell r="I31">
            <v>116</v>
          </cell>
          <cell r="J31">
            <v>125</v>
          </cell>
          <cell r="K31">
            <v>120</v>
          </cell>
          <cell r="L31">
            <v>124</v>
          </cell>
          <cell r="M31">
            <v>133</v>
          </cell>
          <cell r="N31">
            <v>132</v>
          </cell>
          <cell r="O31">
            <v>138</v>
          </cell>
          <cell r="P31">
            <v>148</v>
          </cell>
          <cell r="Q31">
            <v>154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998</v>
          </cell>
          <cell r="H32">
            <v>931</v>
          </cell>
          <cell r="I32">
            <v>867</v>
          </cell>
          <cell r="J32">
            <v>868</v>
          </cell>
          <cell r="K32">
            <v>857</v>
          </cell>
          <cell r="L32">
            <v>857</v>
          </cell>
          <cell r="M32">
            <v>843</v>
          </cell>
          <cell r="N32">
            <v>814</v>
          </cell>
          <cell r="O32">
            <v>790</v>
          </cell>
          <cell r="P32">
            <v>777</v>
          </cell>
          <cell r="Q32">
            <v>764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420</v>
          </cell>
          <cell r="H33">
            <v>440</v>
          </cell>
          <cell r="I33">
            <v>462</v>
          </cell>
          <cell r="J33">
            <v>465</v>
          </cell>
          <cell r="K33">
            <v>473</v>
          </cell>
          <cell r="L33">
            <v>475</v>
          </cell>
          <cell r="M33">
            <v>476</v>
          </cell>
          <cell r="N33">
            <v>493</v>
          </cell>
          <cell r="O33">
            <v>492</v>
          </cell>
          <cell r="P33">
            <v>490</v>
          </cell>
          <cell r="Q33">
            <v>483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799</v>
          </cell>
          <cell r="H105">
            <v>747</v>
          </cell>
          <cell r="I105">
            <v>700</v>
          </cell>
          <cell r="J105">
            <v>700</v>
          </cell>
          <cell r="K105">
            <v>688</v>
          </cell>
          <cell r="L105">
            <v>697</v>
          </cell>
          <cell r="M105">
            <v>698</v>
          </cell>
          <cell r="N105">
            <v>693</v>
          </cell>
          <cell r="O105">
            <v>677</v>
          </cell>
          <cell r="P105">
            <v>679</v>
          </cell>
          <cell r="Q105">
            <v>671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844</v>
          </cell>
          <cell r="H151">
            <v>796</v>
          </cell>
          <cell r="I151">
            <v>745</v>
          </cell>
          <cell r="J151">
            <v>758</v>
          </cell>
          <cell r="K151">
            <v>762</v>
          </cell>
          <cell r="L151">
            <v>759</v>
          </cell>
          <cell r="M151">
            <v>754</v>
          </cell>
          <cell r="N151">
            <v>746</v>
          </cell>
          <cell r="O151">
            <v>743</v>
          </cell>
          <cell r="P151">
            <v>736</v>
          </cell>
          <cell r="Q151">
            <v>730</v>
          </cell>
        </row>
      </sheetData>
      <sheetData sheetId="85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2278</v>
          </cell>
          <cell r="H26">
            <v>2213</v>
          </cell>
          <cell r="I26">
            <v>2198</v>
          </cell>
          <cell r="J26">
            <v>2274</v>
          </cell>
          <cell r="K26">
            <v>2283</v>
          </cell>
          <cell r="L26">
            <v>2291</v>
          </cell>
          <cell r="M26">
            <v>2278</v>
          </cell>
          <cell r="N26">
            <v>2273</v>
          </cell>
          <cell r="O26">
            <v>2249</v>
          </cell>
          <cell r="P26">
            <v>2243</v>
          </cell>
          <cell r="Q26">
            <v>220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277</v>
          </cell>
          <cell r="H31">
            <v>238</v>
          </cell>
          <cell r="I31">
            <v>251</v>
          </cell>
          <cell r="J31">
            <v>276</v>
          </cell>
          <cell r="K31">
            <v>282</v>
          </cell>
          <cell r="L31">
            <v>290</v>
          </cell>
          <cell r="M31">
            <v>292</v>
          </cell>
          <cell r="N31">
            <v>310</v>
          </cell>
          <cell r="O31">
            <v>315</v>
          </cell>
          <cell r="P31">
            <v>316</v>
          </cell>
          <cell r="Q31">
            <v>311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1498</v>
          </cell>
          <cell r="H32">
            <v>1416</v>
          </cell>
          <cell r="I32">
            <v>1297</v>
          </cell>
          <cell r="J32">
            <v>1327</v>
          </cell>
          <cell r="K32">
            <v>1316</v>
          </cell>
          <cell r="L32">
            <v>1301</v>
          </cell>
          <cell r="M32">
            <v>1282</v>
          </cell>
          <cell r="N32">
            <v>1252</v>
          </cell>
          <cell r="O32">
            <v>1209</v>
          </cell>
          <cell r="P32">
            <v>1197</v>
          </cell>
          <cell r="Q32">
            <v>1153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503</v>
          </cell>
          <cell r="H33">
            <v>559</v>
          </cell>
          <cell r="I33">
            <v>650</v>
          </cell>
          <cell r="J33">
            <v>671</v>
          </cell>
          <cell r="K33">
            <v>685</v>
          </cell>
          <cell r="L33">
            <v>700</v>
          </cell>
          <cell r="M33">
            <v>704</v>
          </cell>
          <cell r="N33">
            <v>711</v>
          </cell>
          <cell r="O33">
            <v>725</v>
          </cell>
          <cell r="P33">
            <v>730</v>
          </cell>
          <cell r="Q33">
            <v>738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100</v>
          </cell>
          <cell r="H105">
            <v>1075</v>
          </cell>
          <cell r="I105">
            <v>1069</v>
          </cell>
          <cell r="J105">
            <v>1114</v>
          </cell>
          <cell r="K105">
            <v>1115</v>
          </cell>
          <cell r="L105">
            <v>1111</v>
          </cell>
          <cell r="M105">
            <v>1105</v>
          </cell>
          <cell r="N105">
            <v>1113</v>
          </cell>
          <cell r="O105">
            <v>1091</v>
          </cell>
          <cell r="P105">
            <v>1083</v>
          </cell>
          <cell r="Q105">
            <v>1069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178</v>
          </cell>
          <cell r="H151">
            <v>1138</v>
          </cell>
          <cell r="I151">
            <v>1129</v>
          </cell>
          <cell r="J151">
            <v>1160</v>
          </cell>
          <cell r="K151">
            <v>1168</v>
          </cell>
          <cell r="L151">
            <v>1180</v>
          </cell>
          <cell r="M151">
            <v>1173</v>
          </cell>
          <cell r="N151">
            <v>1160</v>
          </cell>
          <cell r="O151">
            <v>1158</v>
          </cell>
          <cell r="P151">
            <v>1160</v>
          </cell>
          <cell r="Q151">
            <v>1133</v>
          </cell>
        </row>
      </sheetData>
      <sheetData sheetId="86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3196</v>
          </cell>
          <cell r="H26">
            <v>3170</v>
          </cell>
          <cell r="I26">
            <v>3299</v>
          </cell>
          <cell r="J26">
            <v>3334</v>
          </cell>
          <cell r="K26">
            <v>3359</v>
          </cell>
          <cell r="L26">
            <v>3401</v>
          </cell>
          <cell r="M26">
            <v>3494</v>
          </cell>
          <cell r="N26">
            <v>3542</v>
          </cell>
          <cell r="O26">
            <v>3623</v>
          </cell>
          <cell r="P26">
            <v>3657</v>
          </cell>
          <cell r="Q26">
            <v>3628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425</v>
          </cell>
          <cell r="H31">
            <v>380</v>
          </cell>
          <cell r="I31">
            <v>438</v>
          </cell>
          <cell r="J31">
            <v>451</v>
          </cell>
          <cell r="K31">
            <v>429</v>
          </cell>
          <cell r="L31">
            <v>431</v>
          </cell>
          <cell r="M31">
            <v>456</v>
          </cell>
          <cell r="N31">
            <v>477</v>
          </cell>
          <cell r="O31">
            <v>505</v>
          </cell>
          <cell r="P31">
            <v>511</v>
          </cell>
          <cell r="Q31">
            <v>499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2211</v>
          </cell>
          <cell r="H32">
            <v>2142</v>
          </cell>
          <cell r="I32">
            <v>1977</v>
          </cell>
          <cell r="J32">
            <v>1971</v>
          </cell>
          <cell r="K32">
            <v>1975</v>
          </cell>
          <cell r="L32">
            <v>1989</v>
          </cell>
          <cell r="M32">
            <v>2029</v>
          </cell>
          <cell r="N32">
            <v>2034</v>
          </cell>
          <cell r="O32">
            <v>2079</v>
          </cell>
          <cell r="P32">
            <v>2092</v>
          </cell>
          <cell r="Q32">
            <v>2074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560</v>
          </cell>
          <cell r="H33">
            <v>648</v>
          </cell>
          <cell r="I33">
            <v>884</v>
          </cell>
          <cell r="J33">
            <v>912</v>
          </cell>
          <cell r="K33">
            <v>955</v>
          </cell>
          <cell r="L33">
            <v>981</v>
          </cell>
          <cell r="M33">
            <v>1009</v>
          </cell>
          <cell r="N33">
            <v>1031</v>
          </cell>
          <cell r="O33">
            <v>1039</v>
          </cell>
          <cell r="P33">
            <v>1054</v>
          </cell>
          <cell r="Q33">
            <v>1055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573</v>
          </cell>
          <cell r="H105">
            <v>1551</v>
          </cell>
          <cell r="I105">
            <v>1598</v>
          </cell>
          <cell r="J105">
            <v>1627</v>
          </cell>
          <cell r="K105">
            <v>1625</v>
          </cell>
          <cell r="L105">
            <v>1659</v>
          </cell>
          <cell r="M105">
            <v>1716</v>
          </cell>
          <cell r="N105">
            <v>1739</v>
          </cell>
          <cell r="O105">
            <v>1777</v>
          </cell>
          <cell r="P105">
            <v>1791</v>
          </cell>
          <cell r="Q105">
            <v>1786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623</v>
          </cell>
          <cell r="H151">
            <v>1619</v>
          </cell>
          <cell r="I151">
            <v>1701</v>
          </cell>
          <cell r="J151">
            <v>1707</v>
          </cell>
          <cell r="K151">
            <v>1734</v>
          </cell>
          <cell r="L151">
            <v>1742</v>
          </cell>
          <cell r="M151">
            <v>1778</v>
          </cell>
          <cell r="N151">
            <v>1803</v>
          </cell>
          <cell r="O151">
            <v>1846</v>
          </cell>
          <cell r="P151">
            <v>1866</v>
          </cell>
          <cell r="Q151">
            <v>1842</v>
          </cell>
        </row>
      </sheetData>
      <sheetData sheetId="87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4347</v>
          </cell>
          <cell r="H26">
            <v>4330</v>
          </cell>
          <cell r="I26">
            <v>4045</v>
          </cell>
          <cell r="J26">
            <v>3978</v>
          </cell>
          <cell r="K26">
            <v>3973</v>
          </cell>
          <cell r="L26">
            <v>3956</v>
          </cell>
          <cell r="M26">
            <v>3935</v>
          </cell>
          <cell r="N26">
            <v>3851</v>
          </cell>
          <cell r="O26">
            <v>3831</v>
          </cell>
          <cell r="P26">
            <v>3802</v>
          </cell>
          <cell r="Q26">
            <v>372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640</v>
          </cell>
          <cell r="H31">
            <v>557</v>
          </cell>
          <cell r="I31">
            <v>492</v>
          </cell>
          <cell r="J31">
            <v>478</v>
          </cell>
          <cell r="K31">
            <v>480</v>
          </cell>
          <cell r="L31">
            <v>485</v>
          </cell>
          <cell r="M31">
            <v>467</v>
          </cell>
          <cell r="N31">
            <v>446</v>
          </cell>
          <cell r="O31">
            <v>444</v>
          </cell>
          <cell r="P31">
            <v>438</v>
          </cell>
          <cell r="Q31">
            <v>418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2751</v>
          </cell>
          <cell r="H32">
            <v>2773</v>
          </cell>
          <cell r="I32">
            <v>2432</v>
          </cell>
          <cell r="J32">
            <v>2362</v>
          </cell>
          <cell r="K32">
            <v>2317</v>
          </cell>
          <cell r="L32">
            <v>2277</v>
          </cell>
          <cell r="M32">
            <v>2261</v>
          </cell>
          <cell r="N32">
            <v>2173</v>
          </cell>
          <cell r="O32">
            <v>2138</v>
          </cell>
          <cell r="P32">
            <v>2115</v>
          </cell>
          <cell r="Q32">
            <v>2076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956</v>
          </cell>
          <cell r="H33">
            <v>1000</v>
          </cell>
          <cell r="I33">
            <v>1121</v>
          </cell>
          <cell r="J33">
            <v>1138</v>
          </cell>
          <cell r="K33">
            <v>1176</v>
          </cell>
          <cell r="L33">
            <v>1194</v>
          </cell>
          <cell r="M33">
            <v>1207</v>
          </cell>
          <cell r="N33">
            <v>1232</v>
          </cell>
          <cell r="O33">
            <v>1249</v>
          </cell>
          <cell r="P33">
            <v>1249</v>
          </cell>
          <cell r="Q33">
            <v>1228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2091</v>
          </cell>
          <cell r="H105">
            <v>2075</v>
          </cell>
          <cell r="I105">
            <v>1966</v>
          </cell>
          <cell r="J105">
            <v>1927</v>
          </cell>
          <cell r="K105">
            <v>1915</v>
          </cell>
          <cell r="L105">
            <v>1904</v>
          </cell>
          <cell r="M105">
            <v>1894</v>
          </cell>
          <cell r="N105">
            <v>1866</v>
          </cell>
          <cell r="O105">
            <v>1852</v>
          </cell>
          <cell r="P105">
            <v>1848</v>
          </cell>
          <cell r="Q105">
            <v>1814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2256</v>
          </cell>
          <cell r="H151">
            <v>2255</v>
          </cell>
          <cell r="I151">
            <v>2079</v>
          </cell>
          <cell r="J151">
            <v>2051</v>
          </cell>
          <cell r="K151">
            <v>2058</v>
          </cell>
          <cell r="L151">
            <v>2052</v>
          </cell>
          <cell r="M151">
            <v>2041</v>
          </cell>
          <cell r="N151">
            <v>1985</v>
          </cell>
          <cell r="O151">
            <v>1979</v>
          </cell>
          <cell r="P151">
            <v>1954</v>
          </cell>
          <cell r="Q151">
            <v>1908</v>
          </cell>
        </row>
      </sheetData>
      <sheetData sheetId="88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706</v>
          </cell>
          <cell r="H26">
            <v>1560</v>
          </cell>
          <cell r="I26">
            <v>1511</v>
          </cell>
          <cell r="J26">
            <v>1470</v>
          </cell>
          <cell r="K26">
            <v>1443</v>
          </cell>
          <cell r="L26">
            <v>1428</v>
          </cell>
          <cell r="M26">
            <v>1388</v>
          </cell>
          <cell r="N26">
            <v>1351</v>
          </cell>
          <cell r="O26">
            <v>1316</v>
          </cell>
          <cell r="P26">
            <v>1279</v>
          </cell>
          <cell r="Q26">
            <v>1260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93</v>
          </cell>
          <cell r="H31">
            <v>162</v>
          </cell>
          <cell r="I31">
            <v>168</v>
          </cell>
          <cell r="J31">
            <v>164</v>
          </cell>
          <cell r="K31">
            <v>165</v>
          </cell>
          <cell r="L31">
            <v>167</v>
          </cell>
          <cell r="M31">
            <v>151</v>
          </cell>
          <cell r="N31">
            <v>143</v>
          </cell>
          <cell r="O31">
            <v>140</v>
          </cell>
          <cell r="P31">
            <v>132</v>
          </cell>
          <cell r="Q31">
            <v>128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1020</v>
          </cell>
          <cell r="H32">
            <v>924</v>
          </cell>
          <cell r="I32">
            <v>816</v>
          </cell>
          <cell r="J32">
            <v>784</v>
          </cell>
          <cell r="K32">
            <v>743</v>
          </cell>
          <cell r="L32">
            <v>714</v>
          </cell>
          <cell r="M32">
            <v>683</v>
          </cell>
          <cell r="N32">
            <v>660</v>
          </cell>
          <cell r="O32">
            <v>647</v>
          </cell>
          <cell r="P32">
            <v>635</v>
          </cell>
          <cell r="Q32">
            <v>626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493</v>
          </cell>
          <cell r="H33">
            <v>474</v>
          </cell>
          <cell r="I33">
            <v>527</v>
          </cell>
          <cell r="J33">
            <v>522</v>
          </cell>
          <cell r="K33">
            <v>535</v>
          </cell>
          <cell r="L33">
            <v>547</v>
          </cell>
          <cell r="M33">
            <v>554</v>
          </cell>
          <cell r="N33">
            <v>548</v>
          </cell>
          <cell r="O33">
            <v>529</v>
          </cell>
          <cell r="P33">
            <v>512</v>
          </cell>
          <cell r="Q33">
            <v>506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844</v>
          </cell>
          <cell r="H105">
            <v>776</v>
          </cell>
          <cell r="I105">
            <v>729</v>
          </cell>
          <cell r="J105">
            <v>708</v>
          </cell>
          <cell r="K105">
            <v>692</v>
          </cell>
          <cell r="L105">
            <v>686</v>
          </cell>
          <cell r="M105">
            <v>669</v>
          </cell>
          <cell r="N105">
            <v>656</v>
          </cell>
          <cell r="O105">
            <v>644</v>
          </cell>
          <cell r="P105">
            <v>628</v>
          </cell>
          <cell r="Q105">
            <v>624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862</v>
          </cell>
          <cell r="H151">
            <v>784</v>
          </cell>
          <cell r="I151">
            <v>782</v>
          </cell>
          <cell r="J151">
            <v>762</v>
          </cell>
          <cell r="K151">
            <v>751</v>
          </cell>
          <cell r="L151">
            <v>742</v>
          </cell>
          <cell r="M151">
            <v>719</v>
          </cell>
          <cell r="N151">
            <v>695</v>
          </cell>
          <cell r="O151">
            <v>672</v>
          </cell>
          <cell r="P151">
            <v>651</v>
          </cell>
          <cell r="Q151">
            <v>636</v>
          </cell>
        </row>
      </sheetData>
      <sheetData sheetId="89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5069</v>
          </cell>
          <cell r="H26">
            <v>4972</v>
          </cell>
          <cell r="I26">
            <v>5017</v>
          </cell>
          <cell r="J26">
            <v>4995</v>
          </cell>
          <cell r="K26">
            <v>4951</v>
          </cell>
          <cell r="L26">
            <v>4929</v>
          </cell>
          <cell r="M26">
            <v>4918</v>
          </cell>
          <cell r="N26">
            <v>4892</v>
          </cell>
          <cell r="O26">
            <v>4840</v>
          </cell>
          <cell r="P26">
            <v>4881</v>
          </cell>
          <cell r="Q26">
            <v>4880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846</v>
          </cell>
          <cell r="H31">
            <v>724</v>
          </cell>
          <cell r="I31">
            <v>632</v>
          </cell>
          <cell r="J31">
            <v>617</v>
          </cell>
          <cell r="K31">
            <v>595</v>
          </cell>
          <cell r="L31">
            <v>601</v>
          </cell>
          <cell r="M31">
            <v>581</v>
          </cell>
          <cell r="N31">
            <v>579</v>
          </cell>
          <cell r="O31">
            <v>567</v>
          </cell>
          <cell r="P31">
            <v>594</v>
          </cell>
          <cell r="Q31">
            <v>599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3205</v>
          </cell>
          <cell r="H32">
            <v>3125</v>
          </cell>
          <cell r="I32">
            <v>3044</v>
          </cell>
          <cell r="J32">
            <v>3013</v>
          </cell>
          <cell r="K32">
            <v>2966</v>
          </cell>
          <cell r="L32">
            <v>2935</v>
          </cell>
          <cell r="M32">
            <v>2916</v>
          </cell>
          <cell r="N32">
            <v>2858</v>
          </cell>
          <cell r="O32">
            <v>2796</v>
          </cell>
          <cell r="P32">
            <v>2817</v>
          </cell>
          <cell r="Q32">
            <v>2807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018</v>
          </cell>
          <cell r="H33">
            <v>1123</v>
          </cell>
          <cell r="I33">
            <v>1341</v>
          </cell>
          <cell r="J33">
            <v>1365</v>
          </cell>
          <cell r="K33">
            <v>1390</v>
          </cell>
          <cell r="L33">
            <v>1393</v>
          </cell>
          <cell r="M33">
            <v>1421</v>
          </cell>
          <cell r="N33">
            <v>1455</v>
          </cell>
          <cell r="O33">
            <v>1477</v>
          </cell>
          <cell r="P33">
            <v>1470</v>
          </cell>
          <cell r="Q33">
            <v>1474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2502</v>
          </cell>
          <cell r="H105">
            <v>2432</v>
          </cell>
          <cell r="I105">
            <v>2462</v>
          </cell>
          <cell r="J105">
            <v>2447</v>
          </cell>
          <cell r="K105">
            <v>2424</v>
          </cell>
          <cell r="L105">
            <v>2407</v>
          </cell>
          <cell r="M105">
            <v>2410</v>
          </cell>
          <cell r="N105">
            <v>2391</v>
          </cell>
          <cell r="O105">
            <v>2357</v>
          </cell>
          <cell r="P105">
            <v>2361</v>
          </cell>
          <cell r="Q105">
            <v>2358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2567</v>
          </cell>
          <cell r="H151">
            <v>2540</v>
          </cell>
          <cell r="I151">
            <v>2555</v>
          </cell>
          <cell r="J151">
            <v>2548</v>
          </cell>
          <cell r="K151">
            <v>2527</v>
          </cell>
          <cell r="L151">
            <v>2522</v>
          </cell>
          <cell r="M151">
            <v>2508</v>
          </cell>
          <cell r="N151">
            <v>2501</v>
          </cell>
          <cell r="O151">
            <v>2483</v>
          </cell>
          <cell r="P151">
            <v>2520</v>
          </cell>
          <cell r="Q151">
            <v>2522</v>
          </cell>
        </row>
      </sheetData>
      <sheetData sheetId="90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36296</v>
          </cell>
          <cell r="H26">
            <v>40014</v>
          </cell>
          <cell r="I26">
            <v>41074</v>
          </cell>
          <cell r="J26">
            <v>41192</v>
          </cell>
          <cell r="K26">
            <v>41307</v>
          </cell>
          <cell r="L26">
            <v>41588</v>
          </cell>
          <cell r="M26">
            <v>41546</v>
          </cell>
          <cell r="N26">
            <v>41366</v>
          </cell>
          <cell r="O26">
            <v>41196</v>
          </cell>
          <cell r="P26">
            <v>41131</v>
          </cell>
          <cell r="Q26">
            <v>40873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5771</v>
          </cell>
          <cell r="H31">
            <v>6464</v>
          </cell>
          <cell r="I31">
            <v>6458</v>
          </cell>
          <cell r="J31">
            <v>6401</v>
          </cell>
          <cell r="K31">
            <v>6309</v>
          </cell>
          <cell r="L31">
            <v>6258</v>
          </cell>
          <cell r="M31">
            <v>6086</v>
          </cell>
          <cell r="N31">
            <v>5923</v>
          </cell>
          <cell r="O31">
            <v>5773</v>
          </cell>
          <cell r="P31">
            <v>5631</v>
          </cell>
          <cell r="Q31">
            <v>5424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23708</v>
          </cell>
          <cell r="H32">
            <v>25857</v>
          </cell>
          <cell r="I32">
            <v>25351</v>
          </cell>
          <cell r="J32">
            <v>25328</v>
          </cell>
          <cell r="K32">
            <v>25310</v>
          </cell>
          <cell r="L32">
            <v>25435</v>
          </cell>
          <cell r="M32">
            <v>25379</v>
          </cell>
          <cell r="N32">
            <v>25153</v>
          </cell>
          <cell r="O32">
            <v>25017</v>
          </cell>
          <cell r="P32">
            <v>25070</v>
          </cell>
          <cell r="Q32">
            <v>25034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6817</v>
          </cell>
          <cell r="H33">
            <v>7693</v>
          </cell>
          <cell r="I33">
            <v>9265</v>
          </cell>
          <cell r="J33">
            <v>9463</v>
          </cell>
          <cell r="K33">
            <v>9688</v>
          </cell>
          <cell r="L33">
            <v>9895</v>
          </cell>
          <cell r="M33">
            <v>10081</v>
          </cell>
          <cell r="N33">
            <v>10290</v>
          </cell>
          <cell r="O33">
            <v>10406</v>
          </cell>
          <cell r="P33">
            <v>10430</v>
          </cell>
          <cell r="Q33">
            <v>10415</v>
          </cell>
        </row>
        <row r="105"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7741</v>
          </cell>
          <cell r="H105">
            <v>19574</v>
          </cell>
          <cell r="I105">
            <v>20050</v>
          </cell>
          <cell r="J105">
            <v>20152</v>
          </cell>
          <cell r="K105">
            <v>20213</v>
          </cell>
          <cell r="L105">
            <v>20387</v>
          </cell>
          <cell r="M105">
            <v>20351</v>
          </cell>
          <cell r="N105">
            <v>20266</v>
          </cell>
          <cell r="O105">
            <v>20175</v>
          </cell>
          <cell r="P105">
            <v>20151</v>
          </cell>
          <cell r="Q105">
            <v>20046</v>
          </cell>
        </row>
        <row r="151"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8555</v>
          </cell>
          <cell r="H151">
            <v>20440</v>
          </cell>
          <cell r="I151">
            <v>21024</v>
          </cell>
          <cell r="J151">
            <v>21040</v>
          </cell>
          <cell r="K151">
            <v>21094</v>
          </cell>
          <cell r="L151">
            <v>21201</v>
          </cell>
          <cell r="M151">
            <v>21195</v>
          </cell>
          <cell r="N151">
            <v>21100</v>
          </cell>
          <cell r="O151">
            <v>21021</v>
          </cell>
          <cell r="P151">
            <v>20980</v>
          </cell>
          <cell r="Q151">
            <v>20827</v>
          </cell>
        </row>
      </sheetData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6A9656-2ADF-49AD-8BDB-11E4A68F7F40}">
  <sheetPr codeName="Sheet77"/>
  <dimension ref="A1:U168"/>
  <sheetViews>
    <sheetView tabSelected="1"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554</v>
      </c>
      <c r="H5" s="8">
        <f t="shared" si="0"/>
        <v>782</v>
      </c>
      <c r="I5" s="8">
        <f t="shared" si="0"/>
        <v>568</v>
      </c>
      <c r="J5" s="8">
        <f t="shared" si="0"/>
        <v>506</v>
      </c>
      <c r="K5" s="8">
        <f t="shared" si="0"/>
        <v>498</v>
      </c>
      <c r="L5" s="8">
        <f t="shared" si="0"/>
        <v>474</v>
      </c>
      <c r="M5" s="8">
        <f t="shared" si="0"/>
        <v>472</v>
      </c>
      <c r="N5" s="8">
        <f t="shared" si="0"/>
        <v>454</v>
      </c>
      <c r="O5" s="8">
        <f t="shared" si="0"/>
        <v>439</v>
      </c>
      <c r="P5" s="8">
        <f t="shared" si="0"/>
        <v>417</v>
      </c>
      <c r="Q5" s="8">
        <f t="shared" si="0"/>
        <v>398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526</v>
      </c>
      <c r="H6" s="8">
        <f t="shared" si="0"/>
        <v>765</v>
      </c>
      <c r="I6" s="8">
        <f t="shared" si="0"/>
        <v>809</v>
      </c>
      <c r="J6" s="8">
        <f t="shared" si="0"/>
        <v>768</v>
      </c>
      <c r="K6" s="8">
        <f t="shared" si="0"/>
        <v>715</v>
      </c>
      <c r="L6" s="8">
        <f t="shared" si="0"/>
        <v>633</v>
      </c>
      <c r="M6" s="8">
        <f t="shared" si="0"/>
        <v>586</v>
      </c>
      <c r="N6" s="8">
        <f t="shared" si="0"/>
        <v>539</v>
      </c>
      <c r="O6" s="8">
        <f t="shared" si="0"/>
        <v>503</v>
      </c>
      <c r="P6" s="8">
        <f t="shared" si="0"/>
        <v>494</v>
      </c>
      <c r="Q6" s="8">
        <f t="shared" si="0"/>
        <v>478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553</v>
      </c>
      <c r="H7" s="8">
        <f t="shared" si="0"/>
        <v>595</v>
      </c>
      <c r="I7" s="8">
        <f t="shared" si="0"/>
        <v>775</v>
      </c>
      <c r="J7" s="8">
        <f t="shared" si="0"/>
        <v>814</v>
      </c>
      <c r="K7" s="8">
        <f t="shared" si="0"/>
        <v>837</v>
      </c>
      <c r="L7" s="8">
        <f t="shared" si="0"/>
        <v>847</v>
      </c>
      <c r="M7" s="8">
        <f t="shared" si="0"/>
        <v>837</v>
      </c>
      <c r="N7" s="8">
        <f t="shared" si="0"/>
        <v>806</v>
      </c>
      <c r="O7" s="8">
        <f t="shared" si="0"/>
        <v>753</v>
      </c>
      <c r="P7" s="8">
        <f t="shared" si="0"/>
        <v>704</v>
      </c>
      <c r="Q7" s="8">
        <f t="shared" si="0"/>
        <v>634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548</v>
      </c>
      <c r="H8" s="11">
        <f t="shared" si="0"/>
        <v>572</v>
      </c>
      <c r="I8" s="11">
        <f t="shared" si="0"/>
        <v>593</v>
      </c>
      <c r="J8" s="11">
        <f t="shared" si="0"/>
        <v>619</v>
      </c>
      <c r="K8" s="11">
        <f t="shared" si="0"/>
        <v>657</v>
      </c>
      <c r="L8" s="11">
        <f t="shared" si="0"/>
        <v>712</v>
      </c>
      <c r="M8" s="11">
        <f t="shared" si="0"/>
        <v>752</v>
      </c>
      <c r="N8" s="11">
        <f t="shared" si="0"/>
        <v>760</v>
      </c>
      <c r="O8" s="11">
        <f t="shared" si="0"/>
        <v>789</v>
      </c>
      <c r="P8" s="11">
        <f t="shared" si="0"/>
        <v>828</v>
      </c>
      <c r="Q8" s="11">
        <f t="shared" si="0"/>
        <v>834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459</v>
      </c>
      <c r="H9" s="11">
        <f t="shared" si="0"/>
        <v>545</v>
      </c>
      <c r="I9" s="11">
        <f t="shared" si="0"/>
        <v>553</v>
      </c>
      <c r="J9" s="11">
        <f t="shared" si="0"/>
        <v>553</v>
      </c>
      <c r="K9" s="11">
        <f t="shared" si="0"/>
        <v>554</v>
      </c>
      <c r="L9" s="11">
        <f t="shared" si="0"/>
        <v>615</v>
      </c>
      <c r="M9" s="11">
        <f t="shared" si="0"/>
        <v>641</v>
      </c>
      <c r="N9" s="11">
        <f t="shared" si="0"/>
        <v>654</v>
      </c>
      <c r="O9" s="11">
        <f t="shared" si="0"/>
        <v>657</v>
      </c>
      <c r="P9" s="11">
        <f t="shared" si="0"/>
        <v>655</v>
      </c>
      <c r="Q9" s="11">
        <f t="shared" si="0"/>
        <v>697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600</v>
      </c>
      <c r="H10" s="11">
        <f t="shared" si="0"/>
        <v>665</v>
      </c>
      <c r="I10" s="11">
        <f t="shared" si="0"/>
        <v>628</v>
      </c>
      <c r="J10" s="11">
        <f t="shared" si="0"/>
        <v>658</v>
      </c>
      <c r="K10" s="11">
        <f t="shared" si="0"/>
        <v>626</v>
      </c>
      <c r="L10" s="11">
        <f t="shared" si="0"/>
        <v>613</v>
      </c>
      <c r="M10" s="11">
        <f t="shared" si="0"/>
        <v>619</v>
      </c>
      <c r="N10" s="11">
        <f t="shared" si="0"/>
        <v>613</v>
      </c>
      <c r="O10" s="11">
        <f t="shared" si="0"/>
        <v>599</v>
      </c>
      <c r="P10" s="11">
        <f t="shared" si="0"/>
        <v>632</v>
      </c>
      <c r="Q10" s="11">
        <f t="shared" si="0"/>
        <v>647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867</v>
      </c>
      <c r="H11" s="11">
        <f t="shared" si="0"/>
        <v>951</v>
      </c>
      <c r="I11" s="11">
        <f t="shared" si="0"/>
        <v>725</v>
      </c>
      <c r="J11" s="11">
        <f t="shared" si="0"/>
        <v>697</v>
      </c>
      <c r="K11" s="11">
        <f t="shared" si="0"/>
        <v>719</v>
      </c>
      <c r="L11" s="11">
        <f t="shared" si="0"/>
        <v>712</v>
      </c>
      <c r="M11" s="11">
        <f t="shared" si="0"/>
        <v>672</v>
      </c>
      <c r="N11" s="11">
        <f t="shared" si="0"/>
        <v>671</v>
      </c>
      <c r="O11" s="11">
        <f t="shared" si="0"/>
        <v>616</v>
      </c>
      <c r="P11" s="11">
        <f t="shared" si="0"/>
        <v>554</v>
      </c>
      <c r="Q11" s="11">
        <f t="shared" si="0"/>
        <v>573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741</v>
      </c>
      <c r="H12" s="11">
        <f t="shared" si="0"/>
        <v>1152</v>
      </c>
      <c r="I12" s="11">
        <f t="shared" si="0"/>
        <v>977</v>
      </c>
      <c r="J12" s="11">
        <f t="shared" si="0"/>
        <v>897</v>
      </c>
      <c r="K12" s="11">
        <f t="shared" si="0"/>
        <v>798</v>
      </c>
      <c r="L12" s="11">
        <f t="shared" si="0"/>
        <v>748</v>
      </c>
      <c r="M12" s="11">
        <f t="shared" si="0"/>
        <v>758</v>
      </c>
      <c r="N12" s="11">
        <f t="shared" si="0"/>
        <v>707</v>
      </c>
      <c r="O12" s="11">
        <f t="shared" si="0"/>
        <v>717</v>
      </c>
      <c r="P12" s="11">
        <f t="shared" si="0"/>
        <v>704</v>
      </c>
      <c r="Q12" s="11">
        <f t="shared" si="0"/>
        <v>685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694</v>
      </c>
      <c r="H13" s="11">
        <f t="shared" si="0"/>
        <v>886</v>
      </c>
      <c r="I13" s="11">
        <f t="shared" si="0"/>
        <v>1177</v>
      </c>
      <c r="J13" s="11">
        <f t="shared" si="0"/>
        <v>1195</v>
      </c>
      <c r="K13" s="11">
        <f t="shared" si="0"/>
        <v>1173</v>
      </c>
      <c r="L13" s="11">
        <f t="shared" si="0"/>
        <v>1084</v>
      </c>
      <c r="M13" s="11">
        <f t="shared" si="0"/>
        <v>1023</v>
      </c>
      <c r="N13" s="11">
        <f t="shared" si="0"/>
        <v>947</v>
      </c>
      <c r="O13" s="11">
        <f t="shared" si="0"/>
        <v>884</v>
      </c>
      <c r="P13" s="11">
        <f t="shared" si="0"/>
        <v>816</v>
      </c>
      <c r="Q13" s="11">
        <f t="shared" si="0"/>
        <v>744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584</v>
      </c>
      <c r="H14" s="11">
        <f t="shared" si="0"/>
        <v>754</v>
      </c>
      <c r="I14" s="11">
        <f t="shared" si="0"/>
        <v>892</v>
      </c>
      <c r="J14" s="11">
        <f t="shared" si="0"/>
        <v>981</v>
      </c>
      <c r="K14" s="11">
        <f t="shared" si="0"/>
        <v>1062</v>
      </c>
      <c r="L14" s="11">
        <f t="shared" si="0"/>
        <v>1145</v>
      </c>
      <c r="M14" s="11">
        <f t="shared" si="0"/>
        <v>1161</v>
      </c>
      <c r="N14" s="11">
        <f t="shared" si="0"/>
        <v>1179</v>
      </c>
      <c r="O14" s="11">
        <f t="shared" si="0"/>
        <v>1178</v>
      </c>
      <c r="P14" s="11">
        <f t="shared" si="0"/>
        <v>1156</v>
      </c>
      <c r="Q14" s="11">
        <f t="shared" si="0"/>
        <v>1068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648</v>
      </c>
      <c r="H15" s="11">
        <f t="shared" si="0"/>
        <v>595</v>
      </c>
      <c r="I15" s="11">
        <f t="shared" si="0"/>
        <v>746</v>
      </c>
      <c r="J15" s="11">
        <f t="shared" si="0"/>
        <v>736</v>
      </c>
      <c r="K15" s="11">
        <f t="shared" si="0"/>
        <v>760</v>
      </c>
      <c r="L15" s="11">
        <f t="shared" si="0"/>
        <v>799</v>
      </c>
      <c r="M15" s="11">
        <f t="shared" si="0"/>
        <v>834</v>
      </c>
      <c r="N15" s="11">
        <f t="shared" si="0"/>
        <v>883</v>
      </c>
      <c r="O15" s="11">
        <f t="shared" si="0"/>
        <v>977</v>
      </c>
      <c r="P15" s="11">
        <f t="shared" si="0"/>
        <v>1051</v>
      </c>
      <c r="Q15" s="11">
        <f t="shared" si="0"/>
        <v>1124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724</v>
      </c>
      <c r="H16" s="11">
        <f t="shared" si="0"/>
        <v>680</v>
      </c>
      <c r="I16" s="11">
        <f t="shared" si="0"/>
        <v>582</v>
      </c>
      <c r="J16" s="11">
        <f t="shared" si="0"/>
        <v>600</v>
      </c>
      <c r="K16" s="11">
        <f t="shared" si="0"/>
        <v>630</v>
      </c>
      <c r="L16" s="11">
        <f t="shared" si="0"/>
        <v>678</v>
      </c>
      <c r="M16" s="11">
        <f t="shared" si="0"/>
        <v>705</v>
      </c>
      <c r="N16" s="11">
        <f t="shared" si="0"/>
        <v>726</v>
      </c>
      <c r="O16" s="11">
        <f t="shared" si="0"/>
        <v>702</v>
      </c>
      <c r="P16" s="11">
        <f t="shared" si="0"/>
        <v>734</v>
      </c>
      <c r="Q16" s="11">
        <f t="shared" si="0"/>
        <v>777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531</v>
      </c>
      <c r="H17" s="11">
        <f t="shared" si="0"/>
        <v>758</v>
      </c>
      <c r="I17" s="11">
        <f t="shared" si="0"/>
        <v>667</v>
      </c>
      <c r="J17" s="11">
        <f t="shared" si="0"/>
        <v>646</v>
      </c>
      <c r="K17" s="11">
        <f t="shared" si="0"/>
        <v>622</v>
      </c>
      <c r="L17" s="11">
        <f t="shared" si="0"/>
        <v>583</v>
      </c>
      <c r="M17" s="11">
        <f t="shared" si="0"/>
        <v>592</v>
      </c>
      <c r="N17" s="11">
        <f t="shared" si="0"/>
        <v>579</v>
      </c>
      <c r="O17" s="11">
        <f t="shared" si="0"/>
        <v>594</v>
      </c>
      <c r="P17" s="11">
        <f t="shared" si="0"/>
        <v>621</v>
      </c>
      <c r="Q17" s="11">
        <f t="shared" si="0"/>
        <v>661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405</v>
      </c>
      <c r="H18" s="14">
        <f t="shared" si="0"/>
        <v>541</v>
      </c>
      <c r="I18" s="14">
        <f t="shared" si="0"/>
        <v>725</v>
      </c>
      <c r="J18" s="14">
        <f t="shared" si="0"/>
        <v>790</v>
      </c>
      <c r="K18" s="14">
        <f t="shared" si="0"/>
        <v>748</v>
      </c>
      <c r="L18" s="14">
        <f t="shared" si="0"/>
        <v>709</v>
      </c>
      <c r="M18" s="14">
        <f t="shared" si="0"/>
        <v>670</v>
      </c>
      <c r="N18" s="14">
        <f t="shared" si="0"/>
        <v>662</v>
      </c>
      <c r="O18" s="14">
        <f t="shared" si="0"/>
        <v>644</v>
      </c>
      <c r="P18" s="14">
        <f t="shared" si="0"/>
        <v>623</v>
      </c>
      <c r="Q18" s="14">
        <f t="shared" si="0"/>
        <v>576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452</v>
      </c>
      <c r="H19" s="14">
        <f t="shared" si="0"/>
        <v>399</v>
      </c>
      <c r="I19" s="14">
        <f t="shared" si="0"/>
        <v>510</v>
      </c>
      <c r="J19" s="14">
        <f t="shared" si="0"/>
        <v>453</v>
      </c>
      <c r="K19" s="14">
        <f t="shared" si="0"/>
        <v>518</v>
      </c>
      <c r="L19" s="14">
        <f t="shared" si="0"/>
        <v>585</v>
      </c>
      <c r="M19" s="14">
        <f t="shared" si="0"/>
        <v>647</v>
      </c>
      <c r="N19" s="14">
        <f t="shared" si="0"/>
        <v>703</v>
      </c>
      <c r="O19" s="14">
        <f t="shared" si="0"/>
        <v>758</v>
      </c>
      <c r="P19" s="14">
        <f t="shared" si="0"/>
        <v>723</v>
      </c>
      <c r="Q19" s="14">
        <f t="shared" si="0"/>
        <v>677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348</v>
      </c>
      <c r="H20" s="14">
        <f t="shared" si="0"/>
        <v>418</v>
      </c>
      <c r="I20" s="14">
        <f t="shared" si="0"/>
        <v>366</v>
      </c>
      <c r="J20" s="14">
        <f t="shared" si="0"/>
        <v>411</v>
      </c>
      <c r="K20" s="14">
        <f t="shared" si="0"/>
        <v>426</v>
      </c>
      <c r="L20" s="14">
        <f t="shared" si="0"/>
        <v>464</v>
      </c>
      <c r="M20" s="14">
        <f t="shared" si="0"/>
        <v>477</v>
      </c>
      <c r="N20" s="14">
        <f t="shared" si="0"/>
        <v>462</v>
      </c>
      <c r="O20" s="14">
        <f t="shared" si="0"/>
        <v>412</v>
      </c>
      <c r="P20" s="14">
        <f t="shared" si="0"/>
        <v>476</v>
      </c>
      <c r="Q20" s="14">
        <f t="shared" si="0"/>
        <v>548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259</v>
      </c>
      <c r="H21" s="14">
        <f t="shared" si="1"/>
        <v>296</v>
      </c>
      <c r="I21" s="14">
        <f t="shared" si="1"/>
        <v>359</v>
      </c>
      <c r="J21" s="14">
        <f t="shared" si="1"/>
        <v>342</v>
      </c>
      <c r="K21" s="14">
        <f t="shared" si="1"/>
        <v>321</v>
      </c>
      <c r="L21" s="14">
        <f t="shared" si="1"/>
        <v>302</v>
      </c>
      <c r="M21" s="14">
        <f t="shared" si="1"/>
        <v>307</v>
      </c>
      <c r="N21" s="14">
        <f t="shared" si="1"/>
        <v>314</v>
      </c>
      <c r="O21" s="14">
        <f t="shared" si="1"/>
        <v>344</v>
      </c>
      <c r="P21" s="14">
        <f t="shared" si="1"/>
        <v>356</v>
      </c>
      <c r="Q21" s="14">
        <f t="shared" si="1"/>
        <v>38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142</v>
      </c>
      <c r="H22" s="14">
        <f t="shared" si="1"/>
        <v>183</v>
      </c>
      <c r="I22" s="14">
        <f t="shared" si="1"/>
        <v>214</v>
      </c>
      <c r="J22" s="14">
        <f t="shared" si="1"/>
        <v>244</v>
      </c>
      <c r="K22" s="14">
        <f t="shared" si="1"/>
        <v>244</v>
      </c>
      <c r="L22" s="14">
        <f t="shared" si="1"/>
        <v>254</v>
      </c>
      <c r="M22" s="14">
        <f t="shared" si="1"/>
        <v>254</v>
      </c>
      <c r="N22" s="14">
        <f t="shared" si="1"/>
        <v>268</v>
      </c>
      <c r="O22" s="14">
        <f t="shared" si="1"/>
        <v>249</v>
      </c>
      <c r="P22" s="14">
        <f t="shared" si="1"/>
        <v>238</v>
      </c>
      <c r="Q22" s="14">
        <f t="shared" si="1"/>
        <v>227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64</v>
      </c>
      <c r="H23" s="14">
        <f t="shared" si="1"/>
        <v>78</v>
      </c>
      <c r="I23" s="14">
        <f t="shared" si="1"/>
        <v>115</v>
      </c>
      <c r="J23" s="14">
        <f t="shared" si="1"/>
        <v>106</v>
      </c>
      <c r="K23" s="14">
        <f t="shared" si="1"/>
        <v>125</v>
      </c>
      <c r="L23" s="14">
        <f t="shared" si="1"/>
        <v>130</v>
      </c>
      <c r="M23" s="14">
        <f t="shared" si="1"/>
        <v>128</v>
      </c>
      <c r="N23" s="14">
        <f t="shared" si="1"/>
        <v>127</v>
      </c>
      <c r="O23" s="14">
        <f t="shared" si="1"/>
        <v>149</v>
      </c>
      <c r="P23" s="14">
        <f t="shared" si="1"/>
        <v>151</v>
      </c>
      <c r="Q23" s="14">
        <f t="shared" si="1"/>
        <v>158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2</v>
      </c>
      <c r="H24" s="14">
        <f t="shared" si="1"/>
        <v>27</v>
      </c>
      <c r="I24" s="14">
        <f t="shared" si="1"/>
        <v>33</v>
      </c>
      <c r="J24" s="14">
        <f t="shared" si="1"/>
        <v>36</v>
      </c>
      <c r="K24" s="14">
        <f t="shared" si="1"/>
        <v>36</v>
      </c>
      <c r="L24" s="14">
        <f t="shared" si="1"/>
        <v>38</v>
      </c>
      <c r="M24" s="14">
        <f t="shared" si="1"/>
        <v>36</v>
      </c>
      <c r="N24" s="14">
        <f t="shared" si="1"/>
        <v>42</v>
      </c>
      <c r="O24" s="14">
        <f t="shared" si="1"/>
        <v>37</v>
      </c>
      <c r="P24" s="14">
        <f t="shared" si="1"/>
        <v>41</v>
      </c>
      <c r="Q24" s="14">
        <f t="shared" si="1"/>
        <v>35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1</v>
      </c>
      <c r="H25" s="14">
        <f t="shared" si="1"/>
        <v>2</v>
      </c>
      <c r="I25" s="14">
        <f t="shared" si="1"/>
        <v>8</v>
      </c>
      <c r="J25" s="14">
        <f t="shared" si="1"/>
        <v>6</v>
      </c>
      <c r="K25" s="14">
        <f t="shared" si="1"/>
        <v>5</v>
      </c>
      <c r="L25" s="14">
        <f t="shared" si="1"/>
        <v>6</v>
      </c>
      <c r="M25" s="14">
        <f t="shared" si="1"/>
        <v>9</v>
      </c>
      <c r="N25" s="14">
        <f t="shared" si="1"/>
        <v>4</v>
      </c>
      <c r="O25" s="14">
        <f t="shared" si="1"/>
        <v>5</v>
      </c>
      <c r="P25" s="14">
        <f t="shared" si="1"/>
        <v>8</v>
      </c>
      <c r="Q25" s="14">
        <f t="shared" si="1"/>
        <v>7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9712</v>
      </c>
      <c r="H26" s="17">
        <f>SUM(H5:H25)</f>
        <v>11644</v>
      </c>
      <c r="I26" s="17">
        <f t="shared" ref="I26:N26" si="2">SUM(I5:I25)</f>
        <v>12022</v>
      </c>
      <c r="J26" s="17">
        <f t="shared" si="2"/>
        <v>12058</v>
      </c>
      <c r="K26" s="17">
        <f t="shared" si="2"/>
        <v>12074</v>
      </c>
      <c r="L26" s="17">
        <f t="shared" si="2"/>
        <v>12131</v>
      </c>
      <c r="M26" s="17">
        <f t="shared" si="2"/>
        <v>12180</v>
      </c>
      <c r="N26" s="17">
        <f t="shared" si="2"/>
        <v>12100</v>
      </c>
      <c r="O26" s="17">
        <f>SUM(O5:O25)</f>
        <v>12006</v>
      </c>
      <c r="P26" s="17">
        <f>SUM(P5:P25)</f>
        <v>11982</v>
      </c>
      <c r="Q26" s="17">
        <f>SUM(Q5:Q25)</f>
        <v>11928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633</v>
      </c>
      <c r="H31" s="21">
        <f t="shared" si="3"/>
        <v>2142</v>
      </c>
      <c r="I31" s="21">
        <f t="shared" si="3"/>
        <v>2152</v>
      </c>
      <c r="J31" s="21">
        <f t="shared" si="3"/>
        <v>2088</v>
      </c>
      <c r="K31" s="21">
        <f t="shared" si="3"/>
        <v>2050</v>
      </c>
      <c r="L31" s="21">
        <f t="shared" si="3"/>
        <v>1954</v>
      </c>
      <c r="M31" s="21">
        <f t="shared" si="3"/>
        <v>1895</v>
      </c>
      <c r="N31" s="21">
        <f t="shared" si="3"/>
        <v>1799</v>
      </c>
      <c r="O31" s="21">
        <f t="shared" si="3"/>
        <v>1695</v>
      </c>
      <c r="P31" s="21">
        <f t="shared" si="3"/>
        <v>1615</v>
      </c>
      <c r="Q31" s="21">
        <f t="shared" si="3"/>
        <v>1510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6396</v>
      </c>
      <c r="H32" s="22">
        <f t="shared" si="4"/>
        <v>7558</v>
      </c>
      <c r="I32" s="22">
        <f t="shared" si="4"/>
        <v>7540</v>
      </c>
      <c r="J32" s="22">
        <f t="shared" si="4"/>
        <v>7582</v>
      </c>
      <c r="K32" s="22">
        <f t="shared" si="4"/>
        <v>7601</v>
      </c>
      <c r="L32" s="22">
        <f t="shared" si="4"/>
        <v>7689</v>
      </c>
      <c r="M32" s="22">
        <f t="shared" si="4"/>
        <v>7757</v>
      </c>
      <c r="N32" s="22">
        <f t="shared" si="4"/>
        <v>7719</v>
      </c>
      <c r="O32" s="22">
        <f t="shared" si="4"/>
        <v>7713</v>
      </c>
      <c r="P32" s="22">
        <f t="shared" si="4"/>
        <v>7751</v>
      </c>
      <c r="Q32" s="22">
        <f t="shared" si="4"/>
        <v>7810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683</v>
      </c>
      <c r="H33" s="23">
        <f t="shared" si="5"/>
        <v>1944</v>
      </c>
      <c r="I33" s="23">
        <f t="shared" si="5"/>
        <v>2330</v>
      </c>
      <c r="J33" s="23">
        <f t="shared" si="5"/>
        <v>2388</v>
      </c>
      <c r="K33" s="23">
        <f t="shared" si="5"/>
        <v>2423</v>
      </c>
      <c r="L33" s="23">
        <f t="shared" si="5"/>
        <v>2488</v>
      </c>
      <c r="M33" s="23">
        <f t="shared" si="5"/>
        <v>2528</v>
      </c>
      <c r="N33" s="23">
        <f t="shared" si="5"/>
        <v>2582</v>
      </c>
      <c r="O33" s="23">
        <f t="shared" si="5"/>
        <v>2598</v>
      </c>
      <c r="P33" s="23">
        <f t="shared" si="5"/>
        <v>2616</v>
      </c>
      <c r="Q33" s="23">
        <f t="shared" si="5"/>
        <v>2608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9712</v>
      </c>
      <c r="H34" s="24">
        <f>SUM(H31:H33)</f>
        <v>11644</v>
      </c>
      <c r="I34" s="24">
        <f t="shared" ref="I34:N34" si="6">SUM(I31:I33)</f>
        <v>12022</v>
      </c>
      <c r="J34" s="24">
        <f t="shared" si="6"/>
        <v>12058</v>
      </c>
      <c r="K34" s="24">
        <f t="shared" si="6"/>
        <v>12074</v>
      </c>
      <c r="L34" s="24">
        <f t="shared" si="6"/>
        <v>12131</v>
      </c>
      <c r="M34" s="24">
        <f t="shared" si="6"/>
        <v>12180</v>
      </c>
      <c r="N34" s="24">
        <f t="shared" si="6"/>
        <v>12100</v>
      </c>
      <c r="O34" s="24">
        <f>SUM(O31:O33)</f>
        <v>12006</v>
      </c>
      <c r="P34" s="24">
        <f>SUM(P31:P33)</f>
        <v>11982</v>
      </c>
      <c r="Q34" s="24">
        <f>SUM(Q31:Q33)</f>
        <v>11928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6.8</v>
      </c>
      <c r="H39" s="33">
        <f t="shared" si="7"/>
        <v>18.399999999999999</v>
      </c>
      <c r="I39" s="33">
        <f t="shared" si="7"/>
        <v>17.899999999999999</v>
      </c>
      <c r="J39" s="33">
        <f t="shared" si="7"/>
        <v>17.3</v>
      </c>
      <c r="K39" s="33">
        <f t="shared" si="7"/>
        <v>17</v>
      </c>
      <c r="L39" s="33">
        <f t="shared" si="7"/>
        <v>16.100000000000001</v>
      </c>
      <c r="M39" s="33">
        <f t="shared" si="7"/>
        <v>15.6</v>
      </c>
      <c r="N39" s="33">
        <f t="shared" si="7"/>
        <v>14.9</v>
      </c>
      <c r="O39" s="33">
        <f t="shared" si="7"/>
        <v>14.1</v>
      </c>
      <c r="P39" s="33">
        <f t="shared" si="7"/>
        <v>13.5</v>
      </c>
      <c r="Q39" s="33">
        <f t="shared" si="7"/>
        <v>12.7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5.900000000000006</v>
      </c>
      <c r="H40" s="35">
        <f t="shared" si="8"/>
        <v>64.900000000000006</v>
      </c>
      <c r="I40" s="35">
        <f t="shared" si="8"/>
        <v>62.7</v>
      </c>
      <c r="J40" s="35">
        <f t="shared" si="8"/>
        <v>62.9</v>
      </c>
      <c r="K40" s="35">
        <f t="shared" si="8"/>
        <v>63</v>
      </c>
      <c r="L40" s="35">
        <f t="shared" si="8"/>
        <v>63.4</v>
      </c>
      <c r="M40" s="35">
        <f t="shared" si="8"/>
        <v>63.7</v>
      </c>
      <c r="N40" s="35">
        <f t="shared" si="8"/>
        <v>63.8</v>
      </c>
      <c r="O40" s="35">
        <f t="shared" si="8"/>
        <v>64.2</v>
      </c>
      <c r="P40" s="35">
        <f t="shared" si="8"/>
        <v>64.7</v>
      </c>
      <c r="Q40" s="35">
        <f t="shared" si="8"/>
        <v>65.5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17.3</v>
      </c>
      <c r="H41" s="37">
        <f t="shared" si="9"/>
        <v>16.7</v>
      </c>
      <c r="I41" s="37">
        <f t="shared" si="9"/>
        <v>19.399999999999999</v>
      </c>
      <c r="J41" s="37">
        <f t="shared" si="9"/>
        <v>19.8</v>
      </c>
      <c r="K41" s="37">
        <f t="shared" si="9"/>
        <v>20.100000000000001</v>
      </c>
      <c r="L41" s="37">
        <f t="shared" si="9"/>
        <v>20.5</v>
      </c>
      <c r="M41" s="37">
        <f t="shared" si="9"/>
        <v>20.8</v>
      </c>
      <c r="N41" s="37">
        <f t="shared" si="9"/>
        <v>21.3</v>
      </c>
      <c r="O41" s="37">
        <f t="shared" si="9"/>
        <v>21.6</v>
      </c>
      <c r="P41" s="37">
        <f t="shared" si="9"/>
        <v>21.8</v>
      </c>
      <c r="Q41" s="37">
        <f t="shared" si="9"/>
        <v>21.9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1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288</v>
      </c>
      <c r="H84" s="8">
        <v>390</v>
      </c>
      <c r="I84" s="8">
        <v>297</v>
      </c>
      <c r="J84" s="8">
        <v>271</v>
      </c>
      <c r="K84" s="8">
        <v>256</v>
      </c>
      <c r="L84" s="8">
        <v>239</v>
      </c>
      <c r="M84" s="8">
        <v>247</v>
      </c>
      <c r="N84" s="21">
        <v>231</v>
      </c>
      <c r="O84" s="21">
        <v>215</v>
      </c>
      <c r="P84" s="21">
        <v>211</v>
      </c>
      <c r="Q84" s="21">
        <v>201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277</v>
      </c>
      <c r="H85" s="8">
        <v>398</v>
      </c>
      <c r="I85" s="8">
        <v>401</v>
      </c>
      <c r="J85" s="8">
        <v>380</v>
      </c>
      <c r="K85" s="8">
        <v>360</v>
      </c>
      <c r="L85" s="8">
        <v>314</v>
      </c>
      <c r="M85" s="8">
        <v>286</v>
      </c>
      <c r="N85" s="21">
        <v>272</v>
      </c>
      <c r="O85" s="21">
        <v>263</v>
      </c>
      <c r="P85" s="21">
        <v>246</v>
      </c>
      <c r="Q85" s="21">
        <v>249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278</v>
      </c>
      <c r="H86" s="8">
        <v>316</v>
      </c>
      <c r="I86" s="8">
        <v>400</v>
      </c>
      <c r="J86" s="8">
        <v>413</v>
      </c>
      <c r="K86" s="8">
        <v>426</v>
      </c>
      <c r="L86" s="8">
        <v>434</v>
      </c>
      <c r="M86" s="8">
        <v>434</v>
      </c>
      <c r="N86" s="21">
        <v>398</v>
      </c>
      <c r="O86" s="21">
        <v>375</v>
      </c>
      <c r="P86" s="21">
        <v>359</v>
      </c>
      <c r="Q86" s="21">
        <v>316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275</v>
      </c>
      <c r="H87" s="11">
        <v>290</v>
      </c>
      <c r="I87" s="11">
        <v>309</v>
      </c>
      <c r="J87" s="11">
        <v>331</v>
      </c>
      <c r="K87" s="11">
        <v>357</v>
      </c>
      <c r="L87" s="11">
        <v>369</v>
      </c>
      <c r="M87" s="11">
        <v>377</v>
      </c>
      <c r="N87" s="22">
        <v>391</v>
      </c>
      <c r="O87" s="22">
        <v>401</v>
      </c>
      <c r="P87" s="22">
        <v>419</v>
      </c>
      <c r="Q87" s="22">
        <v>425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224</v>
      </c>
      <c r="H88" s="11">
        <v>281</v>
      </c>
      <c r="I88" s="11">
        <v>278</v>
      </c>
      <c r="J88" s="11">
        <v>275</v>
      </c>
      <c r="K88" s="11">
        <v>277</v>
      </c>
      <c r="L88" s="11">
        <v>316</v>
      </c>
      <c r="M88" s="11">
        <v>335</v>
      </c>
      <c r="N88" s="22">
        <v>340</v>
      </c>
      <c r="O88" s="22">
        <v>331</v>
      </c>
      <c r="P88" s="22">
        <v>353</v>
      </c>
      <c r="Q88" s="22">
        <v>368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315</v>
      </c>
      <c r="H89" s="11">
        <v>337</v>
      </c>
      <c r="I89" s="11">
        <v>340</v>
      </c>
      <c r="J89" s="11">
        <v>361</v>
      </c>
      <c r="K89" s="11">
        <v>349</v>
      </c>
      <c r="L89" s="11">
        <v>351</v>
      </c>
      <c r="M89" s="11">
        <v>344</v>
      </c>
      <c r="N89" s="22">
        <v>332</v>
      </c>
      <c r="O89" s="22">
        <v>327</v>
      </c>
      <c r="P89" s="22">
        <v>337</v>
      </c>
      <c r="Q89" s="22">
        <v>339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442</v>
      </c>
      <c r="H90" s="11">
        <v>482</v>
      </c>
      <c r="I90" s="11">
        <v>361</v>
      </c>
      <c r="J90" s="11">
        <v>348</v>
      </c>
      <c r="K90" s="11">
        <v>371</v>
      </c>
      <c r="L90" s="11">
        <v>374</v>
      </c>
      <c r="M90" s="11">
        <v>358</v>
      </c>
      <c r="N90" s="22">
        <v>373</v>
      </c>
      <c r="O90" s="22">
        <v>344</v>
      </c>
      <c r="P90" s="22">
        <v>304</v>
      </c>
      <c r="Q90" s="22">
        <v>312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369</v>
      </c>
      <c r="H91" s="11">
        <v>591</v>
      </c>
      <c r="I91" s="11">
        <v>480</v>
      </c>
      <c r="J91" s="11">
        <v>440</v>
      </c>
      <c r="K91" s="11">
        <v>390</v>
      </c>
      <c r="L91" s="11">
        <v>356</v>
      </c>
      <c r="M91" s="11">
        <v>360</v>
      </c>
      <c r="N91" s="22">
        <v>343</v>
      </c>
      <c r="O91" s="22">
        <v>360</v>
      </c>
      <c r="P91" s="22">
        <v>356</v>
      </c>
      <c r="Q91" s="22">
        <v>352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344</v>
      </c>
      <c r="H92" s="11">
        <v>452</v>
      </c>
      <c r="I92" s="11">
        <v>584</v>
      </c>
      <c r="J92" s="11">
        <v>588</v>
      </c>
      <c r="K92" s="11">
        <v>592</v>
      </c>
      <c r="L92" s="11">
        <v>555</v>
      </c>
      <c r="M92" s="11">
        <v>519</v>
      </c>
      <c r="N92" s="22">
        <v>473</v>
      </c>
      <c r="O92" s="22">
        <v>440</v>
      </c>
      <c r="P92" s="22">
        <v>406</v>
      </c>
      <c r="Q92" s="22">
        <v>363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291</v>
      </c>
      <c r="H93" s="11">
        <v>365</v>
      </c>
      <c r="I93" s="11">
        <v>453</v>
      </c>
      <c r="J93" s="11">
        <v>508</v>
      </c>
      <c r="K93" s="11">
        <v>546</v>
      </c>
      <c r="L93" s="11">
        <v>596</v>
      </c>
      <c r="M93" s="11">
        <v>601</v>
      </c>
      <c r="N93" s="22">
        <v>593</v>
      </c>
      <c r="O93" s="22">
        <v>590</v>
      </c>
      <c r="P93" s="22">
        <v>585</v>
      </c>
      <c r="Q93" s="22">
        <v>542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334</v>
      </c>
      <c r="H94" s="11">
        <v>289</v>
      </c>
      <c r="I94" s="11">
        <v>363</v>
      </c>
      <c r="J94" s="11">
        <v>357</v>
      </c>
      <c r="K94" s="11">
        <v>367</v>
      </c>
      <c r="L94" s="11">
        <v>381</v>
      </c>
      <c r="M94" s="11">
        <v>406</v>
      </c>
      <c r="N94" s="22">
        <v>454</v>
      </c>
      <c r="O94" s="22">
        <v>514</v>
      </c>
      <c r="P94" s="22">
        <v>547</v>
      </c>
      <c r="Q94" s="22">
        <v>595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361</v>
      </c>
      <c r="H95" s="11">
        <v>348</v>
      </c>
      <c r="I95" s="11">
        <v>282</v>
      </c>
      <c r="J95" s="11">
        <v>295</v>
      </c>
      <c r="K95" s="11">
        <v>303</v>
      </c>
      <c r="L95" s="11">
        <v>326</v>
      </c>
      <c r="M95" s="11">
        <v>341</v>
      </c>
      <c r="N95" s="22">
        <v>347</v>
      </c>
      <c r="O95" s="22">
        <v>342</v>
      </c>
      <c r="P95" s="22">
        <v>354</v>
      </c>
      <c r="Q95" s="22">
        <v>365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263</v>
      </c>
      <c r="H96" s="11">
        <v>369</v>
      </c>
      <c r="I96" s="11">
        <v>338</v>
      </c>
      <c r="J96" s="11">
        <v>320</v>
      </c>
      <c r="K96" s="11">
        <v>315</v>
      </c>
      <c r="L96" s="11">
        <v>291</v>
      </c>
      <c r="M96" s="11">
        <v>292</v>
      </c>
      <c r="N96" s="22">
        <v>277</v>
      </c>
      <c r="O96" s="22">
        <v>289</v>
      </c>
      <c r="P96" s="22">
        <v>296</v>
      </c>
      <c r="Q96" s="22">
        <v>319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203</v>
      </c>
      <c r="H97" s="14">
        <v>267</v>
      </c>
      <c r="I97" s="14">
        <v>345</v>
      </c>
      <c r="J97" s="14">
        <v>387</v>
      </c>
      <c r="K97" s="14">
        <v>372</v>
      </c>
      <c r="L97" s="14">
        <v>357</v>
      </c>
      <c r="M97" s="14">
        <v>338</v>
      </c>
      <c r="N97" s="23">
        <v>335</v>
      </c>
      <c r="O97" s="23">
        <v>315</v>
      </c>
      <c r="P97" s="23">
        <v>311</v>
      </c>
      <c r="Q97" s="23">
        <v>281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73</v>
      </c>
      <c r="H98" s="14">
        <v>192</v>
      </c>
      <c r="I98" s="14">
        <v>245</v>
      </c>
      <c r="J98" s="14">
        <v>223</v>
      </c>
      <c r="K98" s="14">
        <v>240</v>
      </c>
      <c r="L98" s="14">
        <v>277</v>
      </c>
      <c r="M98" s="14">
        <v>306</v>
      </c>
      <c r="N98" s="23">
        <v>326</v>
      </c>
      <c r="O98" s="23">
        <v>356</v>
      </c>
      <c r="P98" s="23">
        <v>346</v>
      </c>
      <c r="Q98" s="23">
        <v>326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48</v>
      </c>
      <c r="H99" s="14">
        <v>155</v>
      </c>
      <c r="I99" s="14">
        <v>166</v>
      </c>
      <c r="J99" s="14">
        <v>183</v>
      </c>
      <c r="K99" s="14">
        <v>194</v>
      </c>
      <c r="L99" s="14">
        <v>211</v>
      </c>
      <c r="M99" s="14">
        <v>224</v>
      </c>
      <c r="N99" s="23">
        <v>213</v>
      </c>
      <c r="O99" s="23">
        <v>197</v>
      </c>
      <c r="P99" s="23">
        <v>208</v>
      </c>
      <c r="Q99" s="23">
        <v>246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97</v>
      </c>
      <c r="H100" s="14">
        <v>121</v>
      </c>
      <c r="I100" s="14">
        <v>129</v>
      </c>
      <c r="J100" s="14">
        <v>123</v>
      </c>
      <c r="K100" s="14">
        <v>119</v>
      </c>
      <c r="L100" s="14">
        <v>119</v>
      </c>
      <c r="M100" s="14">
        <v>121</v>
      </c>
      <c r="N100" s="23">
        <v>136</v>
      </c>
      <c r="O100" s="23">
        <v>148</v>
      </c>
      <c r="P100" s="23">
        <v>153</v>
      </c>
      <c r="Q100" s="23">
        <v>155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40</v>
      </c>
      <c r="H101" s="14">
        <v>63</v>
      </c>
      <c r="I101" s="14">
        <v>77</v>
      </c>
      <c r="J101" s="14">
        <v>89</v>
      </c>
      <c r="K101" s="14">
        <v>86</v>
      </c>
      <c r="L101" s="14">
        <v>85</v>
      </c>
      <c r="M101" s="14">
        <v>80</v>
      </c>
      <c r="N101" s="23">
        <v>84</v>
      </c>
      <c r="O101" s="23">
        <v>73</v>
      </c>
      <c r="P101" s="23">
        <v>79</v>
      </c>
      <c r="Q101" s="23">
        <v>86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24</v>
      </c>
      <c r="H102" s="14">
        <v>19</v>
      </c>
      <c r="I102" s="14">
        <v>33</v>
      </c>
      <c r="J102" s="14">
        <v>28</v>
      </c>
      <c r="K102" s="14">
        <v>38</v>
      </c>
      <c r="L102" s="14">
        <v>45</v>
      </c>
      <c r="M102" s="14">
        <v>45</v>
      </c>
      <c r="N102" s="23">
        <v>44</v>
      </c>
      <c r="O102" s="23">
        <v>48</v>
      </c>
      <c r="P102" s="23">
        <v>42</v>
      </c>
      <c r="Q102" s="23">
        <v>40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2</v>
      </c>
      <c r="H103" s="14">
        <v>9</v>
      </c>
      <c r="I103" s="14">
        <v>3</v>
      </c>
      <c r="J103" s="14">
        <v>3</v>
      </c>
      <c r="K103" s="14">
        <v>7</v>
      </c>
      <c r="L103" s="14">
        <v>8</v>
      </c>
      <c r="M103" s="14">
        <v>13</v>
      </c>
      <c r="N103" s="23">
        <v>13</v>
      </c>
      <c r="O103" s="23">
        <v>11</v>
      </c>
      <c r="P103" s="23">
        <v>8</v>
      </c>
      <c r="Q103" s="23">
        <v>7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1</v>
      </c>
      <c r="H104" s="14">
        <v>0</v>
      </c>
      <c r="I104" s="14">
        <v>2</v>
      </c>
      <c r="J104" s="14">
        <v>1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3</v>
      </c>
      <c r="Q104" s="23">
        <v>3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4749</v>
      </c>
      <c r="H105" s="17">
        <f t="shared" ref="H105:N105" si="10">SUM(H84:H104)</f>
        <v>5734</v>
      </c>
      <c r="I105" s="17">
        <f t="shared" si="10"/>
        <v>5886</v>
      </c>
      <c r="J105" s="17">
        <f t="shared" si="10"/>
        <v>5924</v>
      </c>
      <c r="K105" s="17">
        <f t="shared" si="10"/>
        <v>5965</v>
      </c>
      <c r="L105" s="17">
        <f t="shared" si="10"/>
        <v>6004</v>
      </c>
      <c r="M105" s="17">
        <f t="shared" si="10"/>
        <v>6027</v>
      </c>
      <c r="N105" s="17">
        <f t="shared" si="10"/>
        <v>5975</v>
      </c>
      <c r="O105" s="17">
        <f>SUM(O84:O104)</f>
        <v>5939</v>
      </c>
      <c r="P105" s="17">
        <f>SUM(P84:P104)</f>
        <v>5923</v>
      </c>
      <c r="Q105" s="17">
        <f>SUM(Q84:Q104)</f>
        <v>5890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843</v>
      </c>
      <c r="H110" s="8">
        <f t="shared" si="11"/>
        <v>1104</v>
      </c>
      <c r="I110" s="8">
        <f t="shared" si="11"/>
        <v>1098</v>
      </c>
      <c r="J110" s="8">
        <f t="shared" si="11"/>
        <v>1064</v>
      </c>
      <c r="K110" s="8">
        <f t="shared" si="11"/>
        <v>1042</v>
      </c>
      <c r="L110" s="8">
        <f t="shared" si="11"/>
        <v>987</v>
      </c>
      <c r="M110" s="8">
        <f t="shared" si="11"/>
        <v>967</v>
      </c>
      <c r="N110" s="8">
        <f t="shared" si="11"/>
        <v>901</v>
      </c>
      <c r="O110" s="8">
        <f t="shared" si="11"/>
        <v>853</v>
      </c>
      <c r="P110" s="8">
        <f t="shared" si="11"/>
        <v>816</v>
      </c>
      <c r="Q110" s="8">
        <v>766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3218</v>
      </c>
      <c r="H111" s="11">
        <f t="shared" si="12"/>
        <v>3804</v>
      </c>
      <c r="I111" s="11">
        <f t="shared" si="12"/>
        <v>3788</v>
      </c>
      <c r="J111" s="11">
        <f t="shared" si="12"/>
        <v>3823</v>
      </c>
      <c r="K111" s="11">
        <f t="shared" si="12"/>
        <v>3867</v>
      </c>
      <c r="L111" s="11">
        <f t="shared" si="12"/>
        <v>3915</v>
      </c>
      <c r="M111" s="11">
        <f t="shared" si="12"/>
        <v>3933</v>
      </c>
      <c r="N111" s="11">
        <f t="shared" si="12"/>
        <v>3923</v>
      </c>
      <c r="O111" s="11">
        <f t="shared" si="12"/>
        <v>3938</v>
      </c>
      <c r="P111" s="11">
        <f t="shared" si="12"/>
        <v>3957</v>
      </c>
      <c r="Q111" s="11">
        <v>3980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688</v>
      </c>
      <c r="H112" s="14">
        <f t="shared" si="13"/>
        <v>826</v>
      </c>
      <c r="I112" s="14">
        <f t="shared" si="13"/>
        <v>1000</v>
      </c>
      <c r="J112" s="14">
        <f t="shared" si="13"/>
        <v>1037</v>
      </c>
      <c r="K112" s="14">
        <f t="shared" si="13"/>
        <v>1056</v>
      </c>
      <c r="L112" s="14">
        <f t="shared" si="13"/>
        <v>1102</v>
      </c>
      <c r="M112" s="14">
        <f t="shared" si="13"/>
        <v>1127</v>
      </c>
      <c r="N112" s="14">
        <f t="shared" si="13"/>
        <v>1151</v>
      </c>
      <c r="O112" s="14">
        <f t="shared" si="13"/>
        <v>1148</v>
      </c>
      <c r="P112" s="14">
        <f t="shared" si="13"/>
        <v>1150</v>
      </c>
      <c r="Q112" s="14">
        <v>1144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4749</v>
      </c>
      <c r="H113" s="17">
        <f t="shared" ref="H113:N113" si="14">SUM(H110:H112)</f>
        <v>5734</v>
      </c>
      <c r="I113" s="17">
        <f t="shared" si="14"/>
        <v>5886</v>
      </c>
      <c r="J113" s="17">
        <f t="shared" si="14"/>
        <v>5924</v>
      </c>
      <c r="K113" s="17">
        <f t="shared" si="14"/>
        <v>5965</v>
      </c>
      <c r="L113" s="17">
        <f t="shared" si="14"/>
        <v>6004</v>
      </c>
      <c r="M113" s="17">
        <f t="shared" si="14"/>
        <v>6027</v>
      </c>
      <c r="N113" s="17">
        <f t="shared" si="14"/>
        <v>5975</v>
      </c>
      <c r="O113" s="17">
        <f>SUM(O110:O112)</f>
        <v>5939</v>
      </c>
      <c r="P113" s="17">
        <f>SUM(P110:P112)</f>
        <v>5923</v>
      </c>
      <c r="Q113" s="17">
        <f>SUM(Q110:Q112)</f>
        <v>5890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7.8</v>
      </c>
      <c r="H118" s="49">
        <f t="shared" si="15"/>
        <v>19.3</v>
      </c>
      <c r="I118" s="49">
        <f t="shared" si="15"/>
        <v>18.7</v>
      </c>
      <c r="J118" s="49">
        <f t="shared" si="15"/>
        <v>18</v>
      </c>
      <c r="K118" s="49">
        <f t="shared" si="15"/>
        <v>17.5</v>
      </c>
      <c r="L118" s="49">
        <f t="shared" si="15"/>
        <v>16.399999999999999</v>
      </c>
      <c r="M118" s="49">
        <f t="shared" si="15"/>
        <v>16</v>
      </c>
      <c r="N118" s="49">
        <f t="shared" si="15"/>
        <v>15.1</v>
      </c>
      <c r="O118" s="49">
        <f t="shared" si="15"/>
        <v>14.4</v>
      </c>
      <c r="P118" s="49">
        <f t="shared" si="15"/>
        <v>13.8</v>
      </c>
      <c r="Q118" s="49">
        <f t="shared" si="15"/>
        <v>13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7.8</v>
      </c>
      <c r="H119" s="50">
        <f t="shared" si="16"/>
        <v>66.3</v>
      </c>
      <c r="I119" s="50">
        <f t="shared" si="16"/>
        <v>64.400000000000006</v>
      </c>
      <c r="J119" s="50">
        <f t="shared" si="16"/>
        <v>64.5</v>
      </c>
      <c r="K119" s="50">
        <f t="shared" si="16"/>
        <v>64.8</v>
      </c>
      <c r="L119" s="50">
        <f t="shared" si="16"/>
        <v>65.2</v>
      </c>
      <c r="M119" s="50">
        <f t="shared" si="16"/>
        <v>65.3</v>
      </c>
      <c r="N119" s="50">
        <f t="shared" si="16"/>
        <v>65.7</v>
      </c>
      <c r="O119" s="50">
        <f t="shared" si="16"/>
        <v>66.3</v>
      </c>
      <c r="P119" s="50">
        <f t="shared" si="16"/>
        <v>66.8</v>
      </c>
      <c r="Q119" s="50">
        <f t="shared" si="16"/>
        <v>67.599999999999994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4.5</v>
      </c>
      <c r="H120" s="51">
        <f t="shared" si="17"/>
        <v>14.4</v>
      </c>
      <c r="I120" s="51">
        <f t="shared" si="17"/>
        <v>17</v>
      </c>
      <c r="J120" s="51">
        <f t="shared" si="17"/>
        <v>17.5</v>
      </c>
      <c r="K120" s="51">
        <f t="shared" si="17"/>
        <v>17.7</v>
      </c>
      <c r="L120" s="51">
        <f t="shared" si="17"/>
        <v>18.399999999999999</v>
      </c>
      <c r="M120" s="51">
        <f t="shared" si="17"/>
        <v>18.7</v>
      </c>
      <c r="N120" s="51">
        <f t="shared" si="17"/>
        <v>19.3</v>
      </c>
      <c r="O120" s="51">
        <f t="shared" si="17"/>
        <v>19.3</v>
      </c>
      <c r="P120" s="51">
        <f t="shared" si="17"/>
        <v>19.399999999999999</v>
      </c>
      <c r="Q120" s="51">
        <f t="shared" si="17"/>
        <v>19.399999999999999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266</v>
      </c>
      <c r="H130" s="8">
        <v>392</v>
      </c>
      <c r="I130" s="8">
        <v>271</v>
      </c>
      <c r="J130" s="8">
        <v>235</v>
      </c>
      <c r="K130" s="8">
        <v>242</v>
      </c>
      <c r="L130" s="8">
        <v>235</v>
      </c>
      <c r="M130" s="8">
        <v>225</v>
      </c>
      <c r="N130" s="21">
        <v>223</v>
      </c>
      <c r="O130" s="21">
        <v>224</v>
      </c>
      <c r="P130" s="21">
        <v>206</v>
      </c>
      <c r="Q130" s="21">
        <v>197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49</v>
      </c>
      <c r="H131" s="8">
        <v>367</v>
      </c>
      <c r="I131" s="8">
        <v>408</v>
      </c>
      <c r="J131" s="8">
        <v>388</v>
      </c>
      <c r="K131" s="8">
        <v>355</v>
      </c>
      <c r="L131" s="8">
        <v>319</v>
      </c>
      <c r="M131" s="8">
        <v>300</v>
      </c>
      <c r="N131" s="21">
        <v>267</v>
      </c>
      <c r="O131" s="21">
        <v>240</v>
      </c>
      <c r="P131" s="21">
        <v>248</v>
      </c>
      <c r="Q131" s="21">
        <v>229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275</v>
      </c>
      <c r="H132" s="8">
        <v>279</v>
      </c>
      <c r="I132" s="8">
        <v>375</v>
      </c>
      <c r="J132" s="8">
        <v>401</v>
      </c>
      <c r="K132" s="8">
        <v>411</v>
      </c>
      <c r="L132" s="8">
        <v>413</v>
      </c>
      <c r="M132" s="8">
        <v>403</v>
      </c>
      <c r="N132" s="21">
        <v>408</v>
      </c>
      <c r="O132" s="21">
        <v>378</v>
      </c>
      <c r="P132" s="21">
        <v>345</v>
      </c>
      <c r="Q132" s="21">
        <v>318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273</v>
      </c>
      <c r="H133" s="11">
        <v>282</v>
      </c>
      <c r="I133" s="11">
        <v>284</v>
      </c>
      <c r="J133" s="11">
        <v>288</v>
      </c>
      <c r="K133" s="11">
        <v>300</v>
      </c>
      <c r="L133" s="11">
        <v>343</v>
      </c>
      <c r="M133" s="11">
        <v>375</v>
      </c>
      <c r="N133" s="22">
        <v>369</v>
      </c>
      <c r="O133" s="22">
        <v>388</v>
      </c>
      <c r="P133" s="22">
        <v>409</v>
      </c>
      <c r="Q133" s="22">
        <v>409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235</v>
      </c>
      <c r="H134" s="11">
        <v>264</v>
      </c>
      <c r="I134" s="11">
        <v>275</v>
      </c>
      <c r="J134" s="11">
        <v>278</v>
      </c>
      <c r="K134" s="11">
        <v>277</v>
      </c>
      <c r="L134" s="11">
        <v>299</v>
      </c>
      <c r="M134" s="11">
        <v>306</v>
      </c>
      <c r="N134" s="22">
        <v>314</v>
      </c>
      <c r="O134" s="22">
        <v>326</v>
      </c>
      <c r="P134" s="22">
        <v>302</v>
      </c>
      <c r="Q134" s="22">
        <v>329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285</v>
      </c>
      <c r="H135" s="11">
        <v>328</v>
      </c>
      <c r="I135" s="11">
        <v>288</v>
      </c>
      <c r="J135" s="11">
        <v>297</v>
      </c>
      <c r="K135" s="11">
        <v>277</v>
      </c>
      <c r="L135" s="11">
        <v>262</v>
      </c>
      <c r="M135" s="11">
        <v>275</v>
      </c>
      <c r="N135" s="22">
        <v>281</v>
      </c>
      <c r="O135" s="22">
        <v>272</v>
      </c>
      <c r="P135" s="22">
        <v>295</v>
      </c>
      <c r="Q135" s="22">
        <v>308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425</v>
      </c>
      <c r="H136" s="11">
        <v>469</v>
      </c>
      <c r="I136" s="11">
        <v>364</v>
      </c>
      <c r="J136" s="11">
        <v>349</v>
      </c>
      <c r="K136" s="11">
        <v>348</v>
      </c>
      <c r="L136" s="11">
        <v>338</v>
      </c>
      <c r="M136" s="11">
        <v>314</v>
      </c>
      <c r="N136" s="22">
        <v>298</v>
      </c>
      <c r="O136" s="22">
        <v>272</v>
      </c>
      <c r="P136" s="22">
        <v>250</v>
      </c>
      <c r="Q136" s="22">
        <v>261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372</v>
      </c>
      <c r="H137" s="11">
        <v>561</v>
      </c>
      <c r="I137" s="11">
        <v>497</v>
      </c>
      <c r="J137" s="11">
        <v>457</v>
      </c>
      <c r="K137" s="11">
        <v>408</v>
      </c>
      <c r="L137" s="11">
        <v>392</v>
      </c>
      <c r="M137" s="11">
        <v>398</v>
      </c>
      <c r="N137" s="22">
        <v>364</v>
      </c>
      <c r="O137" s="22">
        <v>357</v>
      </c>
      <c r="P137" s="22">
        <v>348</v>
      </c>
      <c r="Q137" s="22">
        <v>333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350</v>
      </c>
      <c r="H138" s="11">
        <v>434</v>
      </c>
      <c r="I138" s="11">
        <v>593</v>
      </c>
      <c r="J138" s="11">
        <v>607</v>
      </c>
      <c r="K138" s="11">
        <v>581</v>
      </c>
      <c r="L138" s="11">
        <v>529</v>
      </c>
      <c r="M138" s="11">
        <v>504</v>
      </c>
      <c r="N138" s="22">
        <v>474</v>
      </c>
      <c r="O138" s="22">
        <v>444</v>
      </c>
      <c r="P138" s="22">
        <v>410</v>
      </c>
      <c r="Q138" s="22">
        <v>381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293</v>
      </c>
      <c r="H139" s="11">
        <v>389</v>
      </c>
      <c r="I139" s="11">
        <v>439</v>
      </c>
      <c r="J139" s="11">
        <v>473</v>
      </c>
      <c r="K139" s="11">
        <v>516</v>
      </c>
      <c r="L139" s="11">
        <v>549</v>
      </c>
      <c r="M139" s="11">
        <v>560</v>
      </c>
      <c r="N139" s="22">
        <v>586</v>
      </c>
      <c r="O139" s="22">
        <v>588</v>
      </c>
      <c r="P139" s="22">
        <v>571</v>
      </c>
      <c r="Q139" s="22">
        <v>526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314</v>
      </c>
      <c r="H140" s="11">
        <v>306</v>
      </c>
      <c r="I140" s="11">
        <v>383</v>
      </c>
      <c r="J140" s="11">
        <v>379</v>
      </c>
      <c r="K140" s="11">
        <v>393</v>
      </c>
      <c r="L140" s="11">
        <v>418</v>
      </c>
      <c r="M140" s="11">
        <v>428</v>
      </c>
      <c r="N140" s="22">
        <v>429</v>
      </c>
      <c r="O140" s="22">
        <v>463</v>
      </c>
      <c r="P140" s="22">
        <v>504</v>
      </c>
      <c r="Q140" s="22">
        <v>529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363</v>
      </c>
      <c r="H141" s="11">
        <v>332</v>
      </c>
      <c r="I141" s="11">
        <v>300</v>
      </c>
      <c r="J141" s="11">
        <v>305</v>
      </c>
      <c r="K141" s="11">
        <v>327</v>
      </c>
      <c r="L141" s="11">
        <v>352</v>
      </c>
      <c r="M141" s="11">
        <v>364</v>
      </c>
      <c r="N141" s="22">
        <v>379</v>
      </c>
      <c r="O141" s="22">
        <v>360</v>
      </c>
      <c r="P141" s="22">
        <v>380</v>
      </c>
      <c r="Q141" s="22">
        <v>412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268</v>
      </c>
      <c r="H142" s="11">
        <v>389</v>
      </c>
      <c r="I142" s="11">
        <v>329</v>
      </c>
      <c r="J142" s="11">
        <v>326</v>
      </c>
      <c r="K142" s="11">
        <v>307</v>
      </c>
      <c r="L142" s="11">
        <v>292</v>
      </c>
      <c r="M142" s="11">
        <v>300</v>
      </c>
      <c r="N142" s="22">
        <v>302</v>
      </c>
      <c r="O142" s="22">
        <v>305</v>
      </c>
      <c r="P142" s="22">
        <v>325</v>
      </c>
      <c r="Q142" s="22">
        <v>342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202</v>
      </c>
      <c r="H143" s="14">
        <v>274</v>
      </c>
      <c r="I143" s="14">
        <v>380</v>
      </c>
      <c r="J143" s="14">
        <v>403</v>
      </c>
      <c r="K143" s="14">
        <v>376</v>
      </c>
      <c r="L143" s="14">
        <v>352</v>
      </c>
      <c r="M143" s="14">
        <v>332</v>
      </c>
      <c r="N143" s="23">
        <v>327</v>
      </c>
      <c r="O143" s="23">
        <v>329</v>
      </c>
      <c r="P143" s="23">
        <v>312</v>
      </c>
      <c r="Q143" s="23">
        <v>295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279</v>
      </c>
      <c r="H144" s="14">
        <v>207</v>
      </c>
      <c r="I144" s="14">
        <v>265</v>
      </c>
      <c r="J144" s="14">
        <v>230</v>
      </c>
      <c r="K144" s="14">
        <v>278</v>
      </c>
      <c r="L144" s="14">
        <v>308</v>
      </c>
      <c r="M144" s="14">
        <v>341</v>
      </c>
      <c r="N144" s="23">
        <v>377</v>
      </c>
      <c r="O144" s="23">
        <v>402</v>
      </c>
      <c r="P144" s="23">
        <v>377</v>
      </c>
      <c r="Q144" s="23">
        <v>351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200</v>
      </c>
      <c r="H145" s="14">
        <v>263</v>
      </c>
      <c r="I145" s="14">
        <v>200</v>
      </c>
      <c r="J145" s="14">
        <v>228</v>
      </c>
      <c r="K145" s="14">
        <v>232</v>
      </c>
      <c r="L145" s="14">
        <v>253</v>
      </c>
      <c r="M145" s="14">
        <v>253</v>
      </c>
      <c r="N145" s="23">
        <v>249</v>
      </c>
      <c r="O145" s="23">
        <v>215</v>
      </c>
      <c r="P145" s="23">
        <v>268</v>
      </c>
      <c r="Q145" s="23">
        <v>302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162</v>
      </c>
      <c r="H146" s="14">
        <v>175</v>
      </c>
      <c r="I146" s="14">
        <v>230</v>
      </c>
      <c r="J146" s="14">
        <v>219</v>
      </c>
      <c r="K146" s="14">
        <v>202</v>
      </c>
      <c r="L146" s="14">
        <v>183</v>
      </c>
      <c r="M146" s="14">
        <v>186</v>
      </c>
      <c r="N146" s="23">
        <v>178</v>
      </c>
      <c r="O146" s="23">
        <v>196</v>
      </c>
      <c r="P146" s="23">
        <v>203</v>
      </c>
      <c r="Q146" s="23">
        <v>225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102</v>
      </c>
      <c r="H147" s="14">
        <v>120</v>
      </c>
      <c r="I147" s="14">
        <v>137</v>
      </c>
      <c r="J147" s="14">
        <v>155</v>
      </c>
      <c r="K147" s="14">
        <v>158</v>
      </c>
      <c r="L147" s="14">
        <v>169</v>
      </c>
      <c r="M147" s="14">
        <v>174</v>
      </c>
      <c r="N147" s="23">
        <v>184</v>
      </c>
      <c r="O147" s="23">
        <v>176</v>
      </c>
      <c r="P147" s="23">
        <v>159</v>
      </c>
      <c r="Q147" s="23">
        <v>141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40</v>
      </c>
      <c r="H148" s="14">
        <v>59</v>
      </c>
      <c r="I148" s="14">
        <v>82</v>
      </c>
      <c r="J148" s="14">
        <v>78</v>
      </c>
      <c r="K148" s="14">
        <v>87</v>
      </c>
      <c r="L148" s="14">
        <v>85</v>
      </c>
      <c r="M148" s="14">
        <v>83</v>
      </c>
      <c r="N148" s="23">
        <v>83</v>
      </c>
      <c r="O148" s="23">
        <v>101</v>
      </c>
      <c r="P148" s="23">
        <v>109</v>
      </c>
      <c r="Q148" s="23">
        <v>118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0</v>
      </c>
      <c r="H149" s="14">
        <v>18</v>
      </c>
      <c r="I149" s="14">
        <v>30</v>
      </c>
      <c r="J149" s="14">
        <v>33</v>
      </c>
      <c r="K149" s="14">
        <v>29</v>
      </c>
      <c r="L149" s="14">
        <v>30</v>
      </c>
      <c r="M149" s="14">
        <v>23</v>
      </c>
      <c r="N149" s="23">
        <v>29</v>
      </c>
      <c r="O149" s="23">
        <v>26</v>
      </c>
      <c r="P149" s="23">
        <v>33</v>
      </c>
      <c r="Q149" s="23">
        <v>28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2</v>
      </c>
      <c r="I150" s="14">
        <v>6</v>
      </c>
      <c r="J150" s="14">
        <v>5</v>
      </c>
      <c r="K150" s="14">
        <v>5</v>
      </c>
      <c r="L150" s="14">
        <v>6</v>
      </c>
      <c r="M150" s="14">
        <v>9</v>
      </c>
      <c r="N150" s="23">
        <v>4</v>
      </c>
      <c r="O150" s="23">
        <v>5</v>
      </c>
      <c r="P150" s="23">
        <v>5</v>
      </c>
      <c r="Q150" s="23">
        <v>4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4963</v>
      </c>
      <c r="H151" s="17">
        <f t="shared" ref="H151:N151" si="18">SUM(H130:H150)</f>
        <v>5910</v>
      </c>
      <c r="I151" s="17">
        <f t="shared" si="18"/>
        <v>6136</v>
      </c>
      <c r="J151" s="17">
        <f t="shared" si="18"/>
        <v>6134</v>
      </c>
      <c r="K151" s="17">
        <f t="shared" si="18"/>
        <v>6109</v>
      </c>
      <c r="L151" s="17">
        <f t="shared" si="18"/>
        <v>6127</v>
      </c>
      <c r="M151" s="17">
        <f t="shared" si="18"/>
        <v>6153</v>
      </c>
      <c r="N151" s="17">
        <f t="shared" si="18"/>
        <v>6125</v>
      </c>
      <c r="O151" s="17">
        <f>SUM(O130:O150)</f>
        <v>6067</v>
      </c>
      <c r="P151" s="17">
        <f>SUM(P130:P150)</f>
        <v>6059</v>
      </c>
      <c r="Q151" s="17">
        <f>SUM(Q130:Q150)</f>
        <v>6038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790</v>
      </c>
      <c r="H156" s="8">
        <f t="shared" si="19"/>
        <v>1038</v>
      </c>
      <c r="I156" s="8">
        <f t="shared" si="19"/>
        <v>1054</v>
      </c>
      <c r="J156" s="8">
        <f t="shared" si="19"/>
        <v>1024</v>
      </c>
      <c r="K156" s="8">
        <f t="shared" si="19"/>
        <v>1008</v>
      </c>
      <c r="L156" s="8">
        <f t="shared" si="19"/>
        <v>967</v>
      </c>
      <c r="M156" s="8">
        <f t="shared" si="19"/>
        <v>928</v>
      </c>
      <c r="N156" s="8">
        <f t="shared" si="19"/>
        <v>898</v>
      </c>
      <c r="O156" s="8">
        <f t="shared" si="19"/>
        <v>842</v>
      </c>
      <c r="P156" s="8">
        <f t="shared" si="19"/>
        <v>799</v>
      </c>
      <c r="Q156" s="8">
        <v>744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3178</v>
      </c>
      <c r="H157" s="11">
        <f t="shared" si="20"/>
        <v>3754</v>
      </c>
      <c r="I157" s="11">
        <f t="shared" si="20"/>
        <v>3752</v>
      </c>
      <c r="J157" s="11">
        <f t="shared" si="20"/>
        <v>3759</v>
      </c>
      <c r="K157" s="11">
        <f t="shared" si="20"/>
        <v>3734</v>
      </c>
      <c r="L157" s="11">
        <f t="shared" si="20"/>
        <v>3774</v>
      </c>
      <c r="M157" s="11">
        <f t="shared" si="20"/>
        <v>3824</v>
      </c>
      <c r="N157" s="11">
        <f t="shared" si="20"/>
        <v>3796</v>
      </c>
      <c r="O157" s="11">
        <f t="shared" si="20"/>
        <v>3775</v>
      </c>
      <c r="P157" s="11">
        <f t="shared" si="20"/>
        <v>3794</v>
      </c>
      <c r="Q157" s="11">
        <v>3830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995</v>
      </c>
      <c r="H158" s="14">
        <f t="shared" si="21"/>
        <v>1118</v>
      </c>
      <c r="I158" s="14">
        <f t="shared" si="21"/>
        <v>1330</v>
      </c>
      <c r="J158" s="14">
        <f t="shared" si="21"/>
        <v>1351</v>
      </c>
      <c r="K158" s="14">
        <f t="shared" si="21"/>
        <v>1367</v>
      </c>
      <c r="L158" s="14">
        <f t="shared" si="21"/>
        <v>1386</v>
      </c>
      <c r="M158" s="14">
        <f t="shared" si="21"/>
        <v>1401</v>
      </c>
      <c r="N158" s="14">
        <f t="shared" si="21"/>
        <v>1431</v>
      </c>
      <c r="O158" s="14">
        <f t="shared" si="21"/>
        <v>1450</v>
      </c>
      <c r="P158" s="14">
        <f t="shared" si="21"/>
        <v>1466</v>
      </c>
      <c r="Q158" s="14">
        <v>1464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4963</v>
      </c>
      <c r="H159" s="17">
        <f t="shared" ref="H159:N159" si="22">SUM(H156:H158)</f>
        <v>5910</v>
      </c>
      <c r="I159" s="17">
        <f t="shared" si="22"/>
        <v>6136</v>
      </c>
      <c r="J159" s="17">
        <f t="shared" si="22"/>
        <v>6134</v>
      </c>
      <c r="K159" s="17">
        <f t="shared" si="22"/>
        <v>6109</v>
      </c>
      <c r="L159" s="17">
        <f t="shared" si="22"/>
        <v>6127</v>
      </c>
      <c r="M159" s="17">
        <f t="shared" si="22"/>
        <v>6153</v>
      </c>
      <c r="N159" s="17">
        <f t="shared" si="22"/>
        <v>6125</v>
      </c>
      <c r="O159" s="17">
        <f>SUM(O156:O158)</f>
        <v>6067</v>
      </c>
      <c r="P159" s="17">
        <f>SUM(P156:P158)</f>
        <v>6059</v>
      </c>
      <c r="Q159" s="17">
        <f>SUM(Q156:Q158)</f>
        <v>6038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5.9</v>
      </c>
      <c r="H164" s="49">
        <f t="shared" si="23"/>
        <v>17.600000000000001</v>
      </c>
      <c r="I164" s="49">
        <f t="shared" si="23"/>
        <v>17.2</v>
      </c>
      <c r="J164" s="49">
        <f t="shared" si="23"/>
        <v>16.7</v>
      </c>
      <c r="K164" s="49">
        <f t="shared" si="23"/>
        <v>16.5</v>
      </c>
      <c r="L164" s="49">
        <f t="shared" si="23"/>
        <v>15.8</v>
      </c>
      <c r="M164" s="49">
        <f t="shared" si="23"/>
        <v>15.1</v>
      </c>
      <c r="N164" s="49">
        <f t="shared" si="23"/>
        <v>14.7</v>
      </c>
      <c r="O164" s="49">
        <f t="shared" si="23"/>
        <v>13.9</v>
      </c>
      <c r="P164" s="49">
        <f t="shared" si="23"/>
        <v>13.2</v>
      </c>
      <c r="Q164" s="49">
        <f t="shared" si="23"/>
        <v>12.3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4</v>
      </c>
      <c r="H165" s="50">
        <f t="shared" si="24"/>
        <v>63.5</v>
      </c>
      <c r="I165" s="50">
        <f t="shared" si="24"/>
        <v>61.1</v>
      </c>
      <c r="J165" s="50">
        <f t="shared" si="24"/>
        <v>61.3</v>
      </c>
      <c r="K165" s="50">
        <f t="shared" si="24"/>
        <v>61.1</v>
      </c>
      <c r="L165" s="50">
        <f t="shared" si="24"/>
        <v>61.6</v>
      </c>
      <c r="M165" s="50">
        <f t="shared" si="24"/>
        <v>62.1</v>
      </c>
      <c r="N165" s="50">
        <f t="shared" si="24"/>
        <v>62</v>
      </c>
      <c r="O165" s="50">
        <f t="shared" si="24"/>
        <v>62.2</v>
      </c>
      <c r="P165" s="50">
        <f t="shared" si="24"/>
        <v>62.6</v>
      </c>
      <c r="Q165" s="50">
        <f t="shared" si="24"/>
        <v>63.4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0</v>
      </c>
      <c r="H166" s="51">
        <f t="shared" si="25"/>
        <v>18.899999999999999</v>
      </c>
      <c r="I166" s="51">
        <f t="shared" si="25"/>
        <v>21.7</v>
      </c>
      <c r="J166" s="51">
        <f t="shared" si="25"/>
        <v>22</v>
      </c>
      <c r="K166" s="51">
        <f t="shared" si="25"/>
        <v>22.4</v>
      </c>
      <c r="L166" s="51">
        <f t="shared" si="25"/>
        <v>22.6</v>
      </c>
      <c r="M166" s="51">
        <f t="shared" si="25"/>
        <v>22.8</v>
      </c>
      <c r="N166" s="51">
        <f t="shared" si="25"/>
        <v>23.4</v>
      </c>
      <c r="O166" s="51">
        <f t="shared" si="25"/>
        <v>23.9</v>
      </c>
      <c r="P166" s="51">
        <f t="shared" si="25"/>
        <v>24.2</v>
      </c>
      <c r="Q166" s="51">
        <f t="shared" si="25"/>
        <v>24.2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F6CE99B-6227-4EB5-B46F-FD5084A24C2E}">
  <sheetPr codeName="Sheet78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4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503</v>
      </c>
      <c r="H5" s="8">
        <f t="shared" si="0"/>
        <v>803</v>
      </c>
      <c r="I5" s="8">
        <f t="shared" si="0"/>
        <v>716</v>
      </c>
      <c r="J5" s="8">
        <f t="shared" si="0"/>
        <v>694</v>
      </c>
      <c r="K5" s="8">
        <f t="shared" si="0"/>
        <v>686</v>
      </c>
      <c r="L5" s="8">
        <f t="shared" si="0"/>
        <v>682</v>
      </c>
      <c r="M5" s="8">
        <f t="shared" si="0"/>
        <v>633</v>
      </c>
      <c r="N5" s="8">
        <f t="shared" si="0"/>
        <v>587</v>
      </c>
      <c r="O5" s="8">
        <f t="shared" si="0"/>
        <v>552</v>
      </c>
      <c r="P5" s="8">
        <f t="shared" si="0"/>
        <v>494</v>
      </c>
      <c r="Q5" s="8">
        <f t="shared" si="0"/>
        <v>470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546</v>
      </c>
      <c r="H6" s="8">
        <f t="shared" si="0"/>
        <v>679</v>
      </c>
      <c r="I6" s="8">
        <f t="shared" si="0"/>
        <v>804</v>
      </c>
      <c r="J6" s="8">
        <f t="shared" si="0"/>
        <v>792</v>
      </c>
      <c r="K6" s="8">
        <f t="shared" si="0"/>
        <v>775</v>
      </c>
      <c r="L6" s="8">
        <f t="shared" si="0"/>
        <v>760</v>
      </c>
      <c r="M6" s="8">
        <f t="shared" si="0"/>
        <v>723</v>
      </c>
      <c r="N6" s="8">
        <f t="shared" si="0"/>
        <v>680</v>
      </c>
      <c r="O6" s="8">
        <f t="shared" si="0"/>
        <v>664</v>
      </c>
      <c r="P6" s="8">
        <f t="shared" si="0"/>
        <v>639</v>
      </c>
      <c r="Q6" s="8">
        <f t="shared" si="0"/>
        <v>601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483</v>
      </c>
      <c r="H7" s="8">
        <f t="shared" si="0"/>
        <v>607</v>
      </c>
      <c r="I7" s="8">
        <f t="shared" si="0"/>
        <v>689</v>
      </c>
      <c r="J7" s="8">
        <f t="shared" si="0"/>
        <v>716</v>
      </c>
      <c r="K7" s="8">
        <f t="shared" si="0"/>
        <v>727</v>
      </c>
      <c r="L7" s="8">
        <f t="shared" si="0"/>
        <v>764</v>
      </c>
      <c r="M7" s="8">
        <f t="shared" si="0"/>
        <v>755</v>
      </c>
      <c r="N7" s="8">
        <f t="shared" si="0"/>
        <v>770</v>
      </c>
      <c r="O7" s="8">
        <f t="shared" si="0"/>
        <v>753</v>
      </c>
      <c r="P7" s="8">
        <f t="shared" si="0"/>
        <v>744</v>
      </c>
      <c r="Q7" s="8">
        <f t="shared" si="0"/>
        <v>734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453</v>
      </c>
      <c r="H8" s="11">
        <f t="shared" si="0"/>
        <v>511</v>
      </c>
      <c r="I8" s="11">
        <f t="shared" si="0"/>
        <v>582</v>
      </c>
      <c r="J8" s="11">
        <f t="shared" si="0"/>
        <v>592</v>
      </c>
      <c r="K8" s="11">
        <f t="shared" si="0"/>
        <v>612</v>
      </c>
      <c r="L8" s="11">
        <f t="shared" si="0"/>
        <v>613</v>
      </c>
      <c r="M8" s="11">
        <f t="shared" si="0"/>
        <v>635</v>
      </c>
      <c r="N8" s="11">
        <f t="shared" si="0"/>
        <v>675</v>
      </c>
      <c r="O8" s="11">
        <f t="shared" si="0"/>
        <v>689</v>
      </c>
      <c r="P8" s="11">
        <f t="shared" si="0"/>
        <v>695</v>
      </c>
      <c r="Q8" s="11">
        <f t="shared" si="0"/>
        <v>723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418</v>
      </c>
      <c r="H9" s="11">
        <f t="shared" si="0"/>
        <v>484</v>
      </c>
      <c r="I9" s="11">
        <f t="shared" si="0"/>
        <v>512</v>
      </c>
      <c r="J9" s="11">
        <f t="shared" si="0"/>
        <v>518</v>
      </c>
      <c r="K9" s="11">
        <f t="shared" si="0"/>
        <v>545</v>
      </c>
      <c r="L9" s="11">
        <f t="shared" si="0"/>
        <v>575</v>
      </c>
      <c r="M9" s="11">
        <f t="shared" si="0"/>
        <v>575</v>
      </c>
      <c r="N9" s="11">
        <f t="shared" si="0"/>
        <v>578</v>
      </c>
      <c r="O9" s="11">
        <f t="shared" si="0"/>
        <v>573</v>
      </c>
      <c r="P9" s="11">
        <f t="shared" si="0"/>
        <v>623</v>
      </c>
      <c r="Q9" s="11">
        <f t="shared" si="0"/>
        <v>602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643</v>
      </c>
      <c r="H10" s="11">
        <f t="shared" si="0"/>
        <v>656</v>
      </c>
      <c r="I10" s="11">
        <f t="shared" si="0"/>
        <v>605</v>
      </c>
      <c r="J10" s="11">
        <f t="shared" si="0"/>
        <v>614</v>
      </c>
      <c r="K10" s="11">
        <f t="shared" si="0"/>
        <v>638</v>
      </c>
      <c r="L10" s="11">
        <f t="shared" si="0"/>
        <v>750</v>
      </c>
      <c r="M10" s="11">
        <f t="shared" si="0"/>
        <v>686</v>
      </c>
      <c r="N10" s="11">
        <f t="shared" si="0"/>
        <v>683</v>
      </c>
      <c r="O10" s="11">
        <f t="shared" si="0"/>
        <v>672</v>
      </c>
      <c r="P10" s="11">
        <f t="shared" si="0"/>
        <v>677</v>
      </c>
      <c r="Q10" s="11">
        <f t="shared" si="0"/>
        <v>716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769</v>
      </c>
      <c r="H11" s="11">
        <f t="shared" si="0"/>
        <v>1074</v>
      </c>
      <c r="I11" s="11">
        <f t="shared" si="0"/>
        <v>866</v>
      </c>
      <c r="J11" s="11">
        <f t="shared" si="0"/>
        <v>824</v>
      </c>
      <c r="K11" s="11">
        <f t="shared" si="0"/>
        <v>772</v>
      </c>
      <c r="L11" s="11">
        <f t="shared" si="0"/>
        <v>729</v>
      </c>
      <c r="M11" s="11">
        <f t="shared" si="0"/>
        <v>705</v>
      </c>
      <c r="N11" s="11">
        <f t="shared" si="0"/>
        <v>688</v>
      </c>
      <c r="O11" s="11">
        <f t="shared" si="0"/>
        <v>674</v>
      </c>
      <c r="P11" s="11">
        <f t="shared" si="0"/>
        <v>661</v>
      </c>
      <c r="Q11" s="11">
        <f t="shared" si="0"/>
        <v>687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635</v>
      </c>
      <c r="H12" s="11">
        <f t="shared" si="0"/>
        <v>1106</v>
      </c>
      <c r="I12" s="11">
        <f t="shared" si="0"/>
        <v>1144</v>
      </c>
      <c r="J12" s="11">
        <f t="shared" si="0"/>
        <v>1062</v>
      </c>
      <c r="K12" s="11">
        <f t="shared" si="0"/>
        <v>1020</v>
      </c>
      <c r="L12" s="11">
        <f t="shared" si="0"/>
        <v>978</v>
      </c>
      <c r="M12" s="11">
        <f t="shared" si="0"/>
        <v>898</v>
      </c>
      <c r="N12" s="11">
        <f t="shared" si="0"/>
        <v>853</v>
      </c>
      <c r="O12" s="11">
        <f t="shared" si="0"/>
        <v>809</v>
      </c>
      <c r="P12" s="11">
        <f t="shared" si="0"/>
        <v>754</v>
      </c>
      <c r="Q12" s="11">
        <f t="shared" si="0"/>
        <v>661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599</v>
      </c>
      <c r="H13" s="11">
        <f t="shared" si="0"/>
        <v>736</v>
      </c>
      <c r="I13" s="11">
        <f t="shared" si="0"/>
        <v>1123</v>
      </c>
      <c r="J13" s="11">
        <f t="shared" si="0"/>
        <v>1168</v>
      </c>
      <c r="K13" s="11">
        <f t="shared" si="0"/>
        <v>1168</v>
      </c>
      <c r="L13" s="11">
        <f t="shared" si="0"/>
        <v>1162</v>
      </c>
      <c r="M13" s="11">
        <f t="shared" si="0"/>
        <v>1120</v>
      </c>
      <c r="N13" s="11">
        <f t="shared" si="0"/>
        <v>1111</v>
      </c>
      <c r="O13" s="11">
        <f t="shared" si="0"/>
        <v>1045</v>
      </c>
      <c r="P13" s="11">
        <f t="shared" si="0"/>
        <v>957</v>
      </c>
      <c r="Q13" s="11">
        <f t="shared" si="0"/>
        <v>906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520</v>
      </c>
      <c r="H14" s="11">
        <f t="shared" si="0"/>
        <v>656</v>
      </c>
      <c r="I14" s="11">
        <f t="shared" si="0"/>
        <v>751</v>
      </c>
      <c r="J14" s="11">
        <f t="shared" si="0"/>
        <v>866</v>
      </c>
      <c r="K14" s="11">
        <f t="shared" si="0"/>
        <v>972</v>
      </c>
      <c r="L14" s="11">
        <f t="shared" si="0"/>
        <v>1036</v>
      </c>
      <c r="M14" s="11">
        <f t="shared" si="0"/>
        <v>1098</v>
      </c>
      <c r="N14" s="11">
        <f t="shared" si="0"/>
        <v>1100</v>
      </c>
      <c r="O14" s="11">
        <f t="shared" si="0"/>
        <v>1145</v>
      </c>
      <c r="P14" s="11">
        <f t="shared" si="0"/>
        <v>1153</v>
      </c>
      <c r="Q14" s="11">
        <f t="shared" si="0"/>
        <v>1147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529</v>
      </c>
      <c r="H15" s="11">
        <f t="shared" si="0"/>
        <v>539</v>
      </c>
      <c r="I15" s="11">
        <f t="shared" si="0"/>
        <v>656</v>
      </c>
      <c r="J15" s="11">
        <f t="shared" si="0"/>
        <v>629</v>
      </c>
      <c r="K15" s="11">
        <f t="shared" si="0"/>
        <v>648</v>
      </c>
      <c r="L15" s="11">
        <f t="shared" si="0"/>
        <v>674</v>
      </c>
      <c r="M15" s="11">
        <f t="shared" si="0"/>
        <v>717</v>
      </c>
      <c r="N15" s="11">
        <f t="shared" si="0"/>
        <v>759</v>
      </c>
      <c r="O15" s="11">
        <f t="shared" si="0"/>
        <v>867</v>
      </c>
      <c r="P15" s="11">
        <f t="shared" si="0"/>
        <v>958</v>
      </c>
      <c r="Q15" s="11">
        <f t="shared" si="0"/>
        <v>1015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611</v>
      </c>
      <c r="H16" s="11">
        <f t="shared" si="0"/>
        <v>579</v>
      </c>
      <c r="I16" s="11">
        <f t="shared" si="0"/>
        <v>544</v>
      </c>
      <c r="J16" s="11">
        <f t="shared" si="0"/>
        <v>559</v>
      </c>
      <c r="K16" s="11">
        <f t="shared" si="0"/>
        <v>589</v>
      </c>
      <c r="L16" s="11">
        <f t="shared" si="0"/>
        <v>606</v>
      </c>
      <c r="M16" s="11">
        <f t="shared" si="0"/>
        <v>632</v>
      </c>
      <c r="N16" s="11">
        <f t="shared" si="0"/>
        <v>660</v>
      </c>
      <c r="O16" s="11">
        <f t="shared" si="0"/>
        <v>625</v>
      </c>
      <c r="P16" s="11">
        <f t="shared" si="0"/>
        <v>624</v>
      </c>
      <c r="Q16" s="11">
        <f t="shared" si="0"/>
        <v>660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452</v>
      </c>
      <c r="H17" s="11">
        <f t="shared" si="0"/>
        <v>647</v>
      </c>
      <c r="I17" s="11">
        <f t="shared" si="0"/>
        <v>595</v>
      </c>
      <c r="J17" s="11">
        <f t="shared" si="0"/>
        <v>589</v>
      </c>
      <c r="K17" s="11">
        <f t="shared" si="0"/>
        <v>571</v>
      </c>
      <c r="L17" s="11">
        <f t="shared" si="0"/>
        <v>550</v>
      </c>
      <c r="M17" s="11">
        <f t="shared" si="0"/>
        <v>542</v>
      </c>
      <c r="N17" s="11">
        <f t="shared" si="0"/>
        <v>536</v>
      </c>
      <c r="O17" s="11">
        <f t="shared" si="0"/>
        <v>546</v>
      </c>
      <c r="P17" s="11">
        <f t="shared" si="0"/>
        <v>584</v>
      </c>
      <c r="Q17" s="11">
        <f t="shared" si="0"/>
        <v>607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328</v>
      </c>
      <c r="H18" s="14">
        <f t="shared" si="0"/>
        <v>466</v>
      </c>
      <c r="I18" s="14">
        <f t="shared" si="0"/>
        <v>635</v>
      </c>
      <c r="J18" s="14">
        <f t="shared" si="0"/>
        <v>671</v>
      </c>
      <c r="K18" s="14">
        <f t="shared" si="0"/>
        <v>612</v>
      </c>
      <c r="L18" s="14">
        <f t="shared" si="0"/>
        <v>597</v>
      </c>
      <c r="M18" s="14">
        <f t="shared" si="0"/>
        <v>588</v>
      </c>
      <c r="N18" s="14">
        <f t="shared" si="0"/>
        <v>567</v>
      </c>
      <c r="O18" s="14">
        <f t="shared" si="0"/>
        <v>563</v>
      </c>
      <c r="P18" s="14">
        <f t="shared" si="0"/>
        <v>546</v>
      </c>
      <c r="Q18" s="14">
        <f t="shared" si="0"/>
        <v>527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323</v>
      </c>
      <c r="H19" s="14">
        <f t="shared" si="0"/>
        <v>319</v>
      </c>
      <c r="I19" s="14">
        <f t="shared" si="0"/>
        <v>445</v>
      </c>
      <c r="J19" s="14">
        <f t="shared" si="0"/>
        <v>428</v>
      </c>
      <c r="K19" s="14">
        <f t="shared" si="0"/>
        <v>484</v>
      </c>
      <c r="L19" s="14">
        <f t="shared" si="0"/>
        <v>513</v>
      </c>
      <c r="M19" s="14">
        <f t="shared" si="0"/>
        <v>553</v>
      </c>
      <c r="N19" s="14">
        <f t="shared" si="0"/>
        <v>612</v>
      </c>
      <c r="O19" s="14">
        <f t="shared" si="0"/>
        <v>653</v>
      </c>
      <c r="P19" s="14">
        <f t="shared" si="0"/>
        <v>598</v>
      </c>
      <c r="Q19" s="14">
        <f t="shared" si="0"/>
        <v>579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237</v>
      </c>
      <c r="H20" s="14">
        <f t="shared" si="0"/>
        <v>303</v>
      </c>
      <c r="I20" s="14">
        <f t="shared" si="0"/>
        <v>308</v>
      </c>
      <c r="J20" s="14">
        <f t="shared" si="0"/>
        <v>323</v>
      </c>
      <c r="K20" s="14">
        <f t="shared" si="0"/>
        <v>366</v>
      </c>
      <c r="L20" s="14">
        <f t="shared" si="0"/>
        <v>398</v>
      </c>
      <c r="M20" s="14">
        <f t="shared" si="0"/>
        <v>417</v>
      </c>
      <c r="N20" s="14">
        <f t="shared" si="0"/>
        <v>415</v>
      </c>
      <c r="O20" s="14">
        <f t="shared" si="0"/>
        <v>398</v>
      </c>
      <c r="P20" s="14">
        <f t="shared" si="0"/>
        <v>442</v>
      </c>
      <c r="Q20" s="14">
        <f t="shared" si="0"/>
        <v>467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40</v>
      </c>
      <c r="H21" s="14">
        <f t="shared" si="1"/>
        <v>218</v>
      </c>
      <c r="I21" s="14">
        <f t="shared" si="1"/>
        <v>263</v>
      </c>
      <c r="J21" s="14">
        <f t="shared" si="1"/>
        <v>265</v>
      </c>
      <c r="K21" s="14">
        <f t="shared" si="1"/>
        <v>260</v>
      </c>
      <c r="L21" s="14">
        <f t="shared" si="1"/>
        <v>261</v>
      </c>
      <c r="M21" s="14">
        <f t="shared" si="1"/>
        <v>270</v>
      </c>
      <c r="N21" s="14">
        <f t="shared" si="1"/>
        <v>274</v>
      </c>
      <c r="O21" s="14">
        <f t="shared" si="1"/>
        <v>290</v>
      </c>
      <c r="P21" s="14">
        <f t="shared" si="1"/>
        <v>324</v>
      </c>
      <c r="Q21" s="14">
        <f t="shared" si="1"/>
        <v>352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100</v>
      </c>
      <c r="H22" s="14">
        <f t="shared" si="1"/>
        <v>123</v>
      </c>
      <c r="I22" s="14">
        <f t="shared" si="1"/>
        <v>176</v>
      </c>
      <c r="J22" s="14">
        <f t="shared" si="1"/>
        <v>179</v>
      </c>
      <c r="K22" s="14">
        <f t="shared" si="1"/>
        <v>201</v>
      </c>
      <c r="L22" s="14">
        <f t="shared" si="1"/>
        <v>205</v>
      </c>
      <c r="M22" s="14">
        <f t="shared" si="1"/>
        <v>208</v>
      </c>
      <c r="N22" s="14">
        <f t="shared" si="1"/>
        <v>208</v>
      </c>
      <c r="O22" s="14">
        <f t="shared" si="1"/>
        <v>222</v>
      </c>
      <c r="P22" s="14">
        <f t="shared" si="1"/>
        <v>221</v>
      </c>
      <c r="Q22" s="14">
        <f t="shared" si="1"/>
        <v>207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44</v>
      </c>
      <c r="H23" s="14">
        <f t="shared" si="1"/>
        <v>54</v>
      </c>
      <c r="I23" s="14">
        <f t="shared" si="1"/>
        <v>93</v>
      </c>
      <c r="J23" s="14">
        <f t="shared" si="1"/>
        <v>98</v>
      </c>
      <c r="K23" s="14">
        <f t="shared" si="1"/>
        <v>92</v>
      </c>
      <c r="L23" s="14">
        <f t="shared" si="1"/>
        <v>110</v>
      </c>
      <c r="M23" s="14">
        <f t="shared" si="1"/>
        <v>107</v>
      </c>
      <c r="N23" s="14">
        <f t="shared" si="1"/>
        <v>115</v>
      </c>
      <c r="O23" s="14">
        <f t="shared" si="1"/>
        <v>112</v>
      </c>
      <c r="P23" s="14">
        <f t="shared" si="1"/>
        <v>118</v>
      </c>
      <c r="Q23" s="14">
        <f t="shared" si="1"/>
        <v>129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2</v>
      </c>
      <c r="H24" s="14">
        <f t="shared" si="1"/>
        <v>19</v>
      </c>
      <c r="I24" s="14">
        <f t="shared" si="1"/>
        <v>24</v>
      </c>
      <c r="J24" s="14">
        <f t="shared" si="1"/>
        <v>32</v>
      </c>
      <c r="K24" s="14">
        <f t="shared" si="1"/>
        <v>32</v>
      </c>
      <c r="L24" s="14">
        <f t="shared" si="1"/>
        <v>30</v>
      </c>
      <c r="M24" s="14">
        <f t="shared" si="1"/>
        <v>33</v>
      </c>
      <c r="N24" s="14">
        <f t="shared" si="1"/>
        <v>44</v>
      </c>
      <c r="O24" s="14">
        <f t="shared" si="1"/>
        <v>52</v>
      </c>
      <c r="P24" s="14">
        <f t="shared" si="1"/>
        <v>48</v>
      </c>
      <c r="Q24" s="14">
        <f t="shared" si="1"/>
        <v>51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3</v>
      </c>
      <c r="I25" s="14">
        <f t="shared" si="1"/>
        <v>6</v>
      </c>
      <c r="J25" s="14">
        <f t="shared" si="1"/>
        <v>6</v>
      </c>
      <c r="K25" s="14">
        <f t="shared" si="1"/>
        <v>4</v>
      </c>
      <c r="L25" s="14">
        <f t="shared" si="1"/>
        <v>3</v>
      </c>
      <c r="M25" s="14">
        <f t="shared" si="1"/>
        <v>6</v>
      </c>
      <c r="N25" s="14">
        <f t="shared" si="1"/>
        <v>3</v>
      </c>
      <c r="O25" s="14">
        <f t="shared" si="1"/>
        <v>7</v>
      </c>
      <c r="P25" s="14">
        <f t="shared" si="1"/>
        <v>12</v>
      </c>
      <c r="Q25" s="14">
        <f t="shared" si="1"/>
        <v>11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8345</v>
      </c>
      <c r="H26" s="17">
        <f>SUM(H5:H25)</f>
        <v>10582</v>
      </c>
      <c r="I26" s="17">
        <f t="shared" ref="I26:N26" si="2">SUM(I5:I25)</f>
        <v>11537</v>
      </c>
      <c r="J26" s="17">
        <f t="shared" si="2"/>
        <v>11625</v>
      </c>
      <c r="K26" s="17">
        <f t="shared" si="2"/>
        <v>11774</v>
      </c>
      <c r="L26" s="17">
        <f t="shared" si="2"/>
        <v>11996</v>
      </c>
      <c r="M26" s="17">
        <f t="shared" si="2"/>
        <v>11901</v>
      </c>
      <c r="N26" s="17">
        <f t="shared" si="2"/>
        <v>11918</v>
      </c>
      <c r="O26" s="17">
        <f>SUM(O5:O25)</f>
        <v>11911</v>
      </c>
      <c r="P26" s="17">
        <f>SUM(P5:P25)</f>
        <v>11872</v>
      </c>
      <c r="Q26" s="17">
        <f>SUM(Q5:Q25)</f>
        <v>11852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532</v>
      </c>
      <c r="H31" s="21">
        <f t="shared" si="3"/>
        <v>2089</v>
      </c>
      <c r="I31" s="21">
        <f t="shared" si="3"/>
        <v>2209</v>
      </c>
      <c r="J31" s="21">
        <f t="shared" si="3"/>
        <v>2202</v>
      </c>
      <c r="K31" s="21">
        <f t="shared" si="3"/>
        <v>2188</v>
      </c>
      <c r="L31" s="21">
        <f t="shared" si="3"/>
        <v>2206</v>
      </c>
      <c r="M31" s="21">
        <f t="shared" si="3"/>
        <v>2111</v>
      </c>
      <c r="N31" s="21">
        <f t="shared" si="3"/>
        <v>2037</v>
      </c>
      <c r="O31" s="21">
        <f t="shared" si="3"/>
        <v>1969</v>
      </c>
      <c r="P31" s="21">
        <f t="shared" si="3"/>
        <v>1877</v>
      </c>
      <c r="Q31" s="21">
        <f t="shared" si="3"/>
        <v>1805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5629</v>
      </c>
      <c r="H32" s="22">
        <f t="shared" si="4"/>
        <v>6988</v>
      </c>
      <c r="I32" s="22">
        <f t="shared" si="4"/>
        <v>7378</v>
      </c>
      <c r="J32" s="22">
        <f t="shared" si="4"/>
        <v>7421</v>
      </c>
      <c r="K32" s="22">
        <f t="shared" si="4"/>
        <v>7535</v>
      </c>
      <c r="L32" s="22">
        <f t="shared" si="4"/>
        <v>7673</v>
      </c>
      <c r="M32" s="22">
        <f t="shared" si="4"/>
        <v>7608</v>
      </c>
      <c r="N32" s="22">
        <f t="shared" si="4"/>
        <v>7643</v>
      </c>
      <c r="O32" s="22">
        <f t="shared" si="4"/>
        <v>7645</v>
      </c>
      <c r="P32" s="22">
        <f t="shared" si="4"/>
        <v>7686</v>
      </c>
      <c r="Q32" s="22">
        <f t="shared" si="4"/>
        <v>7724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184</v>
      </c>
      <c r="H33" s="23">
        <f t="shared" si="5"/>
        <v>1505</v>
      </c>
      <c r="I33" s="23">
        <f t="shared" si="5"/>
        <v>1950</v>
      </c>
      <c r="J33" s="23">
        <f t="shared" si="5"/>
        <v>2002</v>
      </c>
      <c r="K33" s="23">
        <f t="shared" si="5"/>
        <v>2051</v>
      </c>
      <c r="L33" s="23">
        <f t="shared" si="5"/>
        <v>2117</v>
      </c>
      <c r="M33" s="23">
        <f t="shared" si="5"/>
        <v>2182</v>
      </c>
      <c r="N33" s="23">
        <f t="shared" si="5"/>
        <v>2238</v>
      </c>
      <c r="O33" s="23">
        <f t="shared" si="5"/>
        <v>2297</v>
      </c>
      <c r="P33" s="23">
        <f t="shared" si="5"/>
        <v>2309</v>
      </c>
      <c r="Q33" s="23">
        <f t="shared" si="5"/>
        <v>2323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8345</v>
      </c>
      <c r="H34" s="24">
        <f>SUM(H31:H33)</f>
        <v>10582</v>
      </c>
      <c r="I34" s="24">
        <f t="shared" ref="I34:N34" si="6">SUM(I31:I33)</f>
        <v>11537</v>
      </c>
      <c r="J34" s="24">
        <f t="shared" si="6"/>
        <v>11625</v>
      </c>
      <c r="K34" s="24">
        <f t="shared" si="6"/>
        <v>11774</v>
      </c>
      <c r="L34" s="24">
        <f t="shared" si="6"/>
        <v>11996</v>
      </c>
      <c r="M34" s="24">
        <f t="shared" si="6"/>
        <v>11901</v>
      </c>
      <c r="N34" s="24">
        <f t="shared" si="6"/>
        <v>11918</v>
      </c>
      <c r="O34" s="24">
        <f>SUM(O31:O33)</f>
        <v>11911</v>
      </c>
      <c r="P34" s="24">
        <f>SUM(P31:P33)</f>
        <v>11872</v>
      </c>
      <c r="Q34" s="24">
        <f>SUM(Q31:Q33)</f>
        <v>11852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8.399999999999999</v>
      </c>
      <c r="H39" s="33">
        <f t="shared" si="7"/>
        <v>19.7</v>
      </c>
      <c r="I39" s="33">
        <f t="shared" si="7"/>
        <v>19.100000000000001</v>
      </c>
      <c r="J39" s="33">
        <f t="shared" si="7"/>
        <v>18.899999999999999</v>
      </c>
      <c r="K39" s="33">
        <f t="shared" si="7"/>
        <v>18.600000000000001</v>
      </c>
      <c r="L39" s="33">
        <f t="shared" si="7"/>
        <v>18.399999999999999</v>
      </c>
      <c r="M39" s="33">
        <f t="shared" si="7"/>
        <v>17.7</v>
      </c>
      <c r="N39" s="33">
        <f t="shared" si="7"/>
        <v>17.100000000000001</v>
      </c>
      <c r="O39" s="33">
        <f t="shared" si="7"/>
        <v>16.5</v>
      </c>
      <c r="P39" s="33">
        <f t="shared" si="7"/>
        <v>15.8</v>
      </c>
      <c r="Q39" s="33">
        <f t="shared" si="7"/>
        <v>15.2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7.5</v>
      </c>
      <c r="H40" s="35">
        <f t="shared" si="8"/>
        <v>66</v>
      </c>
      <c r="I40" s="35">
        <f t="shared" si="8"/>
        <v>64</v>
      </c>
      <c r="J40" s="35">
        <f t="shared" si="8"/>
        <v>63.8</v>
      </c>
      <c r="K40" s="35">
        <f t="shared" si="8"/>
        <v>64</v>
      </c>
      <c r="L40" s="35">
        <f t="shared" si="8"/>
        <v>64</v>
      </c>
      <c r="M40" s="35">
        <f t="shared" si="8"/>
        <v>63.9</v>
      </c>
      <c r="N40" s="35">
        <f t="shared" si="8"/>
        <v>64.099999999999994</v>
      </c>
      <c r="O40" s="35">
        <f t="shared" si="8"/>
        <v>64.2</v>
      </c>
      <c r="P40" s="35">
        <f t="shared" si="8"/>
        <v>64.7</v>
      </c>
      <c r="Q40" s="35">
        <f t="shared" si="8"/>
        <v>65.2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14.2</v>
      </c>
      <c r="H41" s="37">
        <f t="shared" si="9"/>
        <v>14.2</v>
      </c>
      <c r="I41" s="37">
        <f t="shared" si="9"/>
        <v>16.899999999999999</v>
      </c>
      <c r="J41" s="37">
        <f t="shared" si="9"/>
        <v>17.2</v>
      </c>
      <c r="K41" s="37">
        <f t="shared" si="9"/>
        <v>17.399999999999999</v>
      </c>
      <c r="L41" s="37">
        <f t="shared" si="9"/>
        <v>17.600000000000001</v>
      </c>
      <c r="M41" s="37">
        <f t="shared" si="9"/>
        <v>18.3</v>
      </c>
      <c r="N41" s="37">
        <f t="shared" si="9"/>
        <v>18.8</v>
      </c>
      <c r="O41" s="37">
        <f t="shared" si="9"/>
        <v>19.3</v>
      </c>
      <c r="P41" s="37">
        <f t="shared" si="9"/>
        <v>19.399999999999999</v>
      </c>
      <c r="Q41" s="37">
        <f t="shared" si="9"/>
        <v>19.600000000000001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6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249</v>
      </c>
      <c r="H84" s="8">
        <v>403</v>
      </c>
      <c r="I84" s="8">
        <v>356</v>
      </c>
      <c r="J84" s="8">
        <v>358</v>
      </c>
      <c r="K84" s="8">
        <v>354</v>
      </c>
      <c r="L84" s="8">
        <v>367</v>
      </c>
      <c r="M84" s="8">
        <v>341</v>
      </c>
      <c r="N84" s="21">
        <v>312</v>
      </c>
      <c r="O84" s="21">
        <v>286</v>
      </c>
      <c r="P84" s="21">
        <v>256</v>
      </c>
      <c r="Q84" s="21">
        <v>249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276</v>
      </c>
      <c r="H85" s="8">
        <v>365</v>
      </c>
      <c r="I85" s="8">
        <v>407</v>
      </c>
      <c r="J85" s="8">
        <v>404</v>
      </c>
      <c r="K85" s="8">
        <v>396</v>
      </c>
      <c r="L85" s="8">
        <v>383</v>
      </c>
      <c r="M85" s="8">
        <v>362</v>
      </c>
      <c r="N85" s="21">
        <v>346</v>
      </c>
      <c r="O85" s="21">
        <v>341</v>
      </c>
      <c r="P85" s="21">
        <v>326</v>
      </c>
      <c r="Q85" s="21">
        <v>319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251</v>
      </c>
      <c r="H86" s="8">
        <v>307</v>
      </c>
      <c r="I86" s="8">
        <v>367</v>
      </c>
      <c r="J86" s="8">
        <v>378</v>
      </c>
      <c r="K86" s="8">
        <v>382</v>
      </c>
      <c r="L86" s="8">
        <v>391</v>
      </c>
      <c r="M86" s="8">
        <v>391</v>
      </c>
      <c r="N86" s="21">
        <v>395</v>
      </c>
      <c r="O86" s="21">
        <v>388</v>
      </c>
      <c r="P86" s="21">
        <v>385</v>
      </c>
      <c r="Q86" s="21">
        <v>370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260</v>
      </c>
      <c r="H87" s="11">
        <v>260</v>
      </c>
      <c r="I87" s="11">
        <v>296</v>
      </c>
      <c r="J87" s="11">
        <v>311</v>
      </c>
      <c r="K87" s="11">
        <v>324</v>
      </c>
      <c r="L87" s="11">
        <v>330</v>
      </c>
      <c r="M87" s="11">
        <v>337</v>
      </c>
      <c r="N87" s="22">
        <v>362</v>
      </c>
      <c r="O87" s="22">
        <v>366</v>
      </c>
      <c r="P87" s="22">
        <v>361</v>
      </c>
      <c r="Q87" s="22">
        <v>369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200</v>
      </c>
      <c r="H88" s="11">
        <v>266</v>
      </c>
      <c r="I88" s="11">
        <v>259</v>
      </c>
      <c r="J88" s="11">
        <v>245</v>
      </c>
      <c r="K88" s="11">
        <v>266</v>
      </c>
      <c r="L88" s="11">
        <v>281</v>
      </c>
      <c r="M88" s="11">
        <v>281</v>
      </c>
      <c r="N88" s="22">
        <v>285</v>
      </c>
      <c r="O88" s="22">
        <v>297</v>
      </c>
      <c r="P88" s="22">
        <v>328</v>
      </c>
      <c r="Q88" s="22">
        <v>328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323</v>
      </c>
      <c r="H89" s="11">
        <v>301</v>
      </c>
      <c r="I89" s="11">
        <v>326</v>
      </c>
      <c r="J89" s="11">
        <v>337</v>
      </c>
      <c r="K89" s="11">
        <v>349</v>
      </c>
      <c r="L89" s="11">
        <v>413</v>
      </c>
      <c r="M89" s="11">
        <v>351</v>
      </c>
      <c r="N89" s="22">
        <v>338</v>
      </c>
      <c r="O89" s="22">
        <v>330</v>
      </c>
      <c r="P89" s="22">
        <v>332</v>
      </c>
      <c r="Q89" s="22">
        <v>358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382</v>
      </c>
      <c r="H90" s="11">
        <v>539</v>
      </c>
      <c r="I90" s="11">
        <v>406</v>
      </c>
      <c r="J90" s="11">
        <v>394</v>
      </c>
      <c r="K90" s="11">
        <v>373</v>
      </c>
      <c r="L90" s="11">
        <v>358</v>
      </c>
      <c r="M90" s="11">
        <v>356</v>
      </c>
      <c r="N90" s="22">
        <v>363</v>
      </c>
      <c r="O90" s="22">
        <v>359</v>
      </c>
      <c r="P90" s="22">
        <v>366</v>
      </c>
      <c r="Q90" s="22">
        <v>368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322</v>
      </c>
      <c r="H91" s="11">
        <v>567</v>
      </c>
      <c r="I91" s="11">
        <v>572</v>
      </c>
      <c r="J91" s="11">
        <v>524</v>
      </c>
      <c r="K91" s="11">
        <v>499</v>
      </c>
      <c r="L91" s="11">
        <v>483</v>
      </c>
      <c r="M91" s="11">
        <v>443</v>
      </c>
      <c r="N91" s="22">
        <v>410</v>
      </c>
      <c r="O91" s="22">
        <v>393</v>
      </c>
      <c r="P91" s="22">
        <v>358</v>
      </c>
      <c r="Q91" s="22">
        <v>314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283</v>
      </c>
      <c r="H92" s="11">
        <v>371</v>
      </c>
      <c r="I92" s="11">
        <v>573</v>
      </c>
      <c r="J92" s="11">
        <v>595</v>
      </c>
      <c r="K92" s="11">
        <v>598</v>
      </c>
      <c r="L92" s="11">
        <v>593</v>
      </c>
      <c r="M92" s="11">
        <v>556</v>
      </c>
      <c r="N92" s="22">
        <v>558</v>
      </c>
      <c r="O92" s="22">
        <v>513</v>
      </c>
      <c r="P92" s="22">
        <v>480</v>
      </c>
      <c r="Q92" s="22">
        <v>451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263</v>
      </c>
      <c r="H93" s="11">
        <v>310</v>
      </c>
      <c r="I93" s="11">
        <v>386</v>
      </c>
      <c r="J93" s="11">
        <v>441</v>
      </c>
      <c r="K93" s="11">
        <v>480</v>
      </c>
      <c r="L93" s="11">
        <v>512</v>
      </c>
      <c r="M93" s="11">
        <v>542</v>
      </c>
      <c r="N93" s="22">
        <v>552</v>
      </c>
      <c r="O93" s="22">
        <v>582</v>
      </c>
      <c r="P93" s="22">
        <v>587</v>
      </c>
      <c r="Q93" s="22">
        <v>586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259</v>
      </c>
      <c r="H94" s="11">
        <v>272</v>
      </c>
      <c r="I94" s="11">
        <v>311</v>
      </c>
      <c r="J94" s="11">
        <v>309</v>
      </c>
      <c r="K94" s="11">
        <v>322</v>
      </c>
      <c r="L94" s="11">
        <v>337</v>
      </c>
      <c r="M94" s="11">
        <v>368</v>
      </c>
      <c r="N94" s="22">
        <v>388</v>
      </c>
      <c r="O94" s="22">
        <v>435</v>
      </c>
      <c r="P94" s="22">
        <v>468</v>
      </c>
      <c r="Q94" s="22">
        <v>497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286</v>
      </c>
      <c r="H95" s="11">
        <v>277</v>
      </c>
      <c r="I95" s="11">
        <v>271</v>
      </c>
      <c r="J95" s="11">
        <v>281</v>
      </c>
      <c r="K95" s="11">
        <v>300</v>
      </c>
      <c r="L95" s="11">
        <v>308</v>
      </c>
      <c r="M95" s="11">
        <v>310</v>
      </c>
      <c r="N95" s="22">
        <v>310</v>
      </c>
      <c r="O95" s="22">
        <v>303</v>
      </c>
      <c r="P95" s="22">
        <v>306</v>
      </c>
      <c r="Q95" s="22">
        <v>327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232</v>
      </c>
      <c r="H96" s="11">
        <v>305</v>
      </c>
      <c r="I96" s="11">
        <v>284</v>
      </c>
      <c r="J96" s="11">
        <v>291</v>
      </c>
      <c r="K96" s="11">
        <v>276</v>
      </c>
      <c r="L96" s="11">
        <v>260</v>
      </c>
      <c r="M96" s="11">
        <v>271</v>
      </c>
      <c r="N96" s="22">
        <v>265</v>
      </c>
      <c r="O96" s="22">
        <v>270</v>
      </c>
      <c r="P96" s="22">
        <v>296</v>
      </c>
      <c r="Q96" s="22">
        <v>306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51</v>
      </c>
      <c r="H97" s="14">
        <v>234</v>
      </c>
      <c r="I97" s="14">
        <v>288</v>
      </c>
      <c r="J97" s="14">
        <v>296</v>
      </c>
      <c r="K97" s="14">
        <v>281</v>
      </c>
      <c r="L97" s="14">
        <v>284</v>
      </c>
      <c r="M97" s="14">
        <v>273</v>
      </c>
      <c r="N97" s="23">
        <v>271</v>
      </c>
      <c r="O97" s="23">
        <v>273</v>
      </c>
      <c r="P97" s="23">
        <v>261</v>
      </c>
      <c r="Q97" s="23">
        <v>247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52</v>
      </c>
      <c r="H98" s="14">
        <v>142</v>
      </c>
      <c r="I98" s="14">
        <v>225</v>
      </c>
      <c r="J98" s="14">
        <v>207</v>
      </c>
      <c r="K98" s="14">
        <v>222</v>
      </c>
      <c r="L98" s="14">
        <v>231</v>
      </c>
      <c r="M98" s="14">
        <v>250</v>
      </c>
      <c r="N98" s="23">
        <v>270</v>
      </c>
      <c r="O98" s="23">
        <v>282</v>
      </c>
      <c r="P98" s="23">
        <v>269</v>
      </c>
      <c r="Q98" s="23">
        <v>268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01</v>
      </c>
      <c r="H99" s="14">
        <v>134</v>
      </c>
      <c r="I99" s="14">
        <v>127</v>
      </c>
      <c r="J99" s="14">
        <v>146</v>
      </c>
      <c r="K99" s="14">
        <v>176</v>
      </c>
      <c r="L99" s="14">
        <v>185</v>
      </c>
      <c r="M99" s="14">
        <v>196</v>
      </c>
      <c r="N99" s="23">
        <v>202</v>
      </c>
      <c r="O99" s="23">
        <v>189</v>
      </c>
      <c r="P99" s="23">
        <v>196</v>
      </c>
      <c r="Q99" s="23">
        <v>204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52</v>
      </c>
      <c r="H100" s="14">
        <v>82</v>
      </c>
      <c r="I100" s="14">
        <v>108</v>
      </c>
      <c r="J100" s="14">
        <v>101</v>
      </c>
      <c r="K100" s="14">
        <v>97</v>
      </c>
      <c r="L100" s="14">
        <v>109</v>
      </c>
      <c r="M100" s="14">
        <v>107</v>
      </c>
      <c r="N100" s="23">
        <v>104</v>
      </c>
      <c r="O100" s="23">
        <v>126</v>
      </c>
      <c r="P100" s="23">
        <v>152</v>
      </c>
      <c r="Q100" s="23">
        <v>155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30</v>
      </c>
      <c r="H101" s="14">
        <v>36</v>
      </c>
      <c r="I101" s="14">
        <v>51</v>
      </c>
      <c r="J101" s="14">
        <v>55</v>
      </c>
      <c r="K101" s="14">
        <v>65</v>
      </c>
      <c r="L101" s="14">
        <v>64</v>
      </c>
      <c r="M101" s="14">
        <v>65</v>
      </c>
      <c r="N101" s="23">
        <v>66</v>
      </c>
      <c r="O101" s="23">
        <v>67</v>
      </c>
      <c r="P101" s="23">
        <v>74</v>
      </c>
      <c r="Q101" s="23">
        <v>80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9</v>
      </c>
      <c r="H102" s="14">
        <v>10</v>
      </c>
      <c r="I102" s="14">
        <v>21</v>
      </c>
      <c r="J102" s="14">
        <v>25</v>
      </c>
      <c r="K102" s="14">
        <v>25</v>
      </c>
      <c r="L102" s="14">
        <v>25</v>
      </c>
      <c r="M102" s="14">
        <v>27</v>
      </c>
      <c r="N102" s="23">
        <v>26</v>
      </c>
      <c r="O102" s="23">
        <v>28</v>
      </c>
      <c r="P102" s="23">
        <v>28</v>
      </c>
      <c r="Q102" s="23">
        <v>26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2</v>
      </c>
      <c r="H103" s="14">
        <v>3</v>
      </c>
      <c r="I103" s="14">
        <v>4</v>
      </c>
      <c r="J103" s="14">
        <v>5</v>
      </c>
      <c r="K103" s="14">
        <v>1</v>
      </c>
      <c r="L103" s="14">
        <v>3</v>
      </c>
      <c r="M103" s="14">
        <v>4</v>
      </c>
      <c r="N103" s="23">
        <v>9</v>
      </c>
      <c r="O103" s="23">
        <v>10</v>
      </c>
      <c r="P103" s="23">
        <v>9</v>
      </c>
      <c r="Q103" s="23">
        <v>11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2</v>
      </c>
      <c r="J104" s="14">
        <v>2</v>
      </c>
      <c r="K104" s="14">
        <v>3</v>
      </c>
      <c r="L104" s="14">
        <v>2</v>
      </c>
      <c r="M104" s="14">
        <v>1</v>
      </c>
      <c r="N104" s="23">
        <v>1</v>
      </c>
      <c r="O104" s="23">
        <v>0</v>
      </c>
      <c r="P104" s="23">
        <v>0</v>
      </c>
      <c r="Q104" s="23">
        <v>1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4083</v>
      </c>
      <c r="H105" s="17">
        <f t="shared" ref="H105:N105" si="10">SUM(H84:H104)</f>
        <v>5184</v>
      </c>
      <c r="I105" s="17">
        <f t="shared" si="10"/>
        <v>5640</v>
      </c>
      <c r="J105" s="17">
        <f t="shared" si="10"/>
        <v>5705</v>
      </c>
      <c r="K105" s="17">
        <f t="shared" si="10"/>
        <v>5789</v>
      </c>
      <c r="L105" s="17">
        <f t="shared" si="10"/>
        <v>5919</v>
      </c>
      <c r="M105" s="17">
        <f t="shared" si="10"/>
        <v>5832</v>
      </c>
      <c r="N105" s="17">
        <f t="shared" si="10"/>
        <v>5833</v>
      </c>
      <c r="O105" s="17">
        <f>SUM(O84:O104)</f>
        <v>5838</v>
      </c>
      <c r="P105" s="17">
        <f>SUM(P84:P104)</f>
        <v>5838</v>
      </c>
      <c r="Q105" s="17">
        <f>SUM(Q84:Q104)</f>
        <v>5834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776</v>
      </c>
      <c r="H110" s="8">
        <f t="shared" si="11"/>
        <v>1075</v>
      </c>
      <c r="I110" s="8">
        <f t="shared" si="11"/>
        <v>1130</v>
      </c>
      <c r="J110" s="8">
        <f t="shared" si="11"/>
        <v>1140</v>
      </c>
      <c r="K110" s="8">
        <f t="shared" si="11"/>
        <v>1132</v>
      </c>
      <c r="L110" s="8">
        <f t="shared" si="11"/>
        <v>1141</v>
      </c>
      <c r="M110" s="8">
        <f t="shared" si="11"/>
        <v>1094</v>
      </c>
      <c r="N110" s="8">
        <f t="shared" si="11"/>
        <v>1053</v>
      </c>
      <c r="O110" s="8">
        <f t="shared" si="11"/>
        <v>1015</v>
      </c>
      <c r="P110" s="8">
        <f t="shared" si="11"/>
        <v>967</v>
      </c>
      <c r="Q110" s="8">
        <v>938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2810</v>
      </c>
      <c r="H111" s="11">
        <f t="shared" si="12"/>
        <v>3468</v>
      </c>
      <c r="I111" s="11">
        <f t="shared" si="12"/>
        <v>3684</v>
      </c>
      <c r="J111" s="11">
        <f t="shared" si="12"/>
        <v>3728</v>
      </c>
      <c r="K111" s="11">
        <f t="shared" si="12"/>
        <v>3787</v>
      </c>
      <c r="L111" s="11">
        <f t="shared" si="12"/>
        <v>3875</v>
      </c>
      <c r="M111" s="11">
        <f t="shared" si="12"/>
        <v>3815</v>
      </c>
      <c r="N111" s="11">
        <f t="shared" si="12"/>
        <v>3831</v>
      </c>
      <c r="O111" s="11">
        <f t="shared" si="12"/>
        <v>3848</v>
      </c>
      <c r="P111" s="11">
        <f t="shared" si="12"/>
        <v>3882</v>
      </c>
      <c r="Q111" s="11">
        <v>3904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497</v>
      </c>
      <c r="H112" s="14">
        <f t="shared" si="13"/>
        <v>641</v>
      </c>
      <c r="I112" s="14">
        <f t="shared" si="13"/>
        <v>826</v>
      </c>
      <c r="J112" s="14">
        <f t="shared" si="13"/>
        <v>837</v>
      </c>
      <c r="K112" s="14">
        <f t="shared" si="13"/>
        <v>870</v>
      </c>
      <c r="L112" s="14">
        <f t="shared" si="13"/>
        <v>903</v>
      </c>
      <c r="M112" s="14">
        <f t="shared" si="13"/>
        <v>923</v>
      </c>
      <c r="N112" s="14">
        <f t="shared" si="13"/>
        <v>949</v>
      </c>
      <c r="O112" s="14">
        <f t="shared" si="13"/>
        <v>975</v>
      </c>
      <c r="P112" s="14">
        <f t="shared" si="13"/>
        <v>989</v>
      </c>
      <c r="Q112" s="14">
        <v>992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4083</v>
      </c>
      <c r="H113" s="17">
        <f t="shared" ref="H113:N113" si="14">SUM(H110:H112)</f>
        <v>5184</v>
      </c>
      <c r="I113" s="17">
        <f t="shared" si="14"/>
        <v>5640</v>
      </c>
      <c r="J113" s="17">
        <f t="shared" si="14"/>
        <v>5705</v>
      </c>
      <c r="K113" s="17">
        <f t="shared" si="14"/>
        <v>5789</v>
      </c>
      <c r="L113" s="17">
        <f t="shared" si="14"/>
        <v>5919</v>
      </c>
      <c r="M113" s="17">
        <f t="shared" si="14"/>
        <v>5832</v>
      </c>
      <c r="N113" s="17">
        <f t="shared" si="14"/>
        <v>5833</v>
      </c>
      <c r="O113" s="17">
        <f>SUM(O110:O112)</f>
        <v>5838</v>
      </c>
      <c r="P113" s="17">
        <f>SUM(P110:P112)</f>
        <v>5838</v>
      </c>
      <c r="Q113" s="17">
        <f>SUM(Q110:Q112)</f>
        <v>5834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9</v>
      </c>
      <c r="H118" s="49">
        <f t="shared" si="15"/>
        <v>20.7</v>
      </c>
      <c r="I118" s="49">
        <f t="shared" si="15"/>
        <v>20</v>
      </c>
      <c r="J118" s="49">
        <f t="shared" si="15"/>
        <v>20</v>
      </c>
      <c r="K118" s="49">
        <f t="shared" si="15"/>
        <v>19.600000000000001</v>
      </c>
      <c r="L118" s="49">
        <f t="shared" si="15"/>
        <v>19.3</v>
      </c>
      <c r="M118" s="49">
        <f t="shared" si="15"/>
        <v>18.8</v>
      </c>
      <c r="N118" s="49">
        <f t="shared" si="15"/>
        <v>18.100000000000001</v>
      </c>
      <c r="O118" s="49">
        <f t="shared" si="15"/>
        <v>17.399999999999999</v>
      </c>
      <c r="P118" s="49">
        <f t="shared" si="15"/>
        <v>16.600000000000001</v>
      </c>
      <c r="Q118" s="49">
        <f t="shared" si="15"/>
        <v>16.100000000000001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8.8</v>
      </c>
      <c r="H119" s="50">
        <f t="shared" si="16"/>
        <v>66.900000000000006</v>
      </c>
      <c r="I119" s="50">
        <f t="shared" si="16"/>
        <v>65.3</v>
      </c>
      <c r="J119" s="50">
        <f t="shared" si="16"/>
        <v>65.3</v>
      </c>
      <c r="K119" s="50">
        <f t="shared" si="16"/>
        <v>65.400000000000006</v>
      </c>
      <c r="L119" s="50">
        <f t="shared" si="16"/>
        <v>65.5</v>
      </c>
      <c r="M119" s="50">
        <f t="shared" si="16"/>
        <v>65.400000000000006</v>
      </c>
      <c r="N119" s="50">
        <f t="shared" si="16"/>
        <v>65.7</v>
      </c>
      <c r="O119" s="50">
        <f t="shared" si="16"/>
        <v>65.900000000000006</v>
      </c>
      <c r="P119" s="50">
        <f t="shared" si="16"/>
        <v>66.5</v>
      </c>
      <c r="Q119" s="50">
        <f t="shared" si="16"/>
        <v>66.900000000000006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2.2</v>
      </c>
      <c r="H120" s="51">
        <f t="shared" si="17"/>
        <v>12.4</v>
      </c>
      <c r="I120" s="51">
        <f t="shared" si="17"/>
        <v>14.6</v>
      </c>
      <c r="J120" s="51">
        <f t="shared" si="17"/>
        <v>14.7</v>
      </c>
      <c r="K120" s="51">
        <f t="shared" si="17"/>
        <v>15</v>
      </c>
      <c r="L120" s="51">
        <f t="shared" si="17"/>
        <v>15.3</v>
      </c>
      <c r="M120" s="51">
        <f t="shared" si="17"/>
        <v>15.8</v>
      </c>
      <c r="N120" s="51">
        <f t="shared" si="17"/>
        <v>16.3</v>
      </c>
      <c r="O120" s="51">
        <f t="shared" si="17"/>
        <v>16.7</v>
      </c>
      <c r="P120" s="51">
        <f t="shared" si="17"/>
        <v>16.899999999999999</v>
      </c>
      <c r="Q120" s="51">
        <f t="shared" si="17"/>
        <v>17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7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254</v>
      </c>
      <c r="H130" s="8">
        <v>400</v>
      </c>
      <c r="I130" s="8">
        <v>360</v>
      </c>
      <c r="J130" s="8">
        <v>336</v>
      </c>
      <c r="K130" s="8">
        <v>332</v>
      </c>
      <c r="L130" s="8">
        <v>315</v>
      </c>
      <c r="M130" s="8">
        <v>292</v>
      </c>
      <c r="N130" s="21">
        <v>275</v>
      </c>
      <c r="O130" s="21">
        <v>266</v>
      </c>
      <c r="P130" s="21">
        <v>238</v>
      </c>
      <c r="Q130" s="21">
        <v>221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70</v>
      </c>
      <c r="H131" s="8">
        <v>314</v>
      </c>
      <c r="I131" s="8">
        <v>397</v>
      </c>
      <c r="J131" s="8">
        <v>388</v>
      </c>
      <c r="K131" s="8">
        <v>379</v>
      </c>
      <c r="L131" s="8">
        <v>377</v>
      </c>
      <c r="M131" s="8">
        <v>361</v>
      </c>
      <c r="N131" s="21">
        <v>334</v>
      </c>
      <c r="O131" s="21">
        <v>323</v>
      </c>
      <c r="P131" s="21">
        <v>313</v>
      </c>
      <c r="Q131" s="21">
        <v>282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232</v>
      </c>
      <c r="H132" s="8">
        <v>300</v>
      </c>
      <c r="I132" s="8">
        <v>322</v>
      </c>
      <c r="J132" s="8">
        <v>338</v>
      </c>
      <c r="K132" s="8">
        <v>345</v>
      </c>
      <c r="L132" s="8">
        <v>373</v>
      </c>
      <c r="M132" s="8">
        <v>364</v>
      </c>
      <c r="N132" s="21">
        <v>375</v>
      </c>
      <c r="O132" s="21">
        <v>365</v>
      </c>
      <c r="P132" s="21">
        <v>359</v>
      </c>
      <c r="Q132" s="21">
        <v>364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93</v>
      </c>
      <c r="H133" s="11">
        <v>251</v>
      </c>
      <c r="I133" s="11">
        <v>286</v>
      </c>
      <c r="J133" s="11">
        <v>281</v>
      </c>
      <c r="K133" s="11">
        <v>288</v>
      </c>
      <c r="L133" s="11">
        <v>283</v>
      </c>
      <c r="M133" s="11">
        <v>298</v>
      </c>
      <c r="N133" s="22">
        <v>313</v>
      </c>
      <c r="O133" s="22">
        <v>323</v>
      </c>
      <c r="P133" s="22">
        <v>334</v>
      </c>
      <c r="Q133" s="22">
        <v>354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218</v>
      </c>
      <c r="H134" s="11">
        <v>218</v>
      </c>
      <c r="I134" s="11">
        <v>253</v>
      </c>
      <c r="J134" s="11">
        <v>273</v>
      </c>
      <c r="K134" s="11">
        <v>279</v>
      </c>
      <c r="L134" s="11">
        <v>294</v>
      </c>
      <c r="M134" s="11">
        <v>294</v>
      </c>
      <c r="N134" s="22">
        <v>293</v>
      </c>
      <c r="O134" s="22">
        <v>276</v>
      </c>
      <c r="P134" s="22">
        <v>295</v>
      </c>
      <c r="Q134" s="22">
        <v>274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320</v>
      </c>
      <c r="H135" s="11">
        <v>355</v>
      </c>
      <c r="I135" s="11">
        <v>279</v>
      </c>
      <c r="J135" s="11">
        <v>277</v>
      </c>
      <c r="K135" s="11">
        <v>289</v>
      </c>
      <c r="L135" s="11">
        <v>337</v>
      </c>
      <c r="M135" s="11">
        <v>335</v>
      </c>
      <c r="N135" s="22">
        <v>345</v>
      </c>
      <c r="O135" s="22">
        <v>342</v>
      </c>
      <c r="P135" s="22">
        <v>345</v>
      </c>
      <c r="Q135" s="22">
        <v>358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387</v>
      </c>
      <c r="H136" s="11">
        <v>535</v>
      </c>
      <c r="I136" s="11">
        <v>460</v>
      </c>
      <c r="J136" s="11">
        <v>430</v>
      </c>
      <c r="K136" s="11">
        <v>399</v>
      </c>
      <c r="L136" s="11">
        <v>371</v>
      </c>
      <c r="M136" s="11">
        <v>349</v>
      </c>
      <c r="N136" s="22">
        <v>325</v>
      </c>
      <c r="O136" s="22">
        <v>315</v>
      </c>
      <c r="P136" s="22">
        <v>295</v>
      </c>
      <c r="Q136" s="22">
        <v>319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313</v>
      </c>
      <c r="H137" s="11">
        <v>539</v>
      </c>
      <c r="I137" s="11">
        <v>572</v>
      </c>
      <c r="J137" s="11">
        <v>538</v>
      </c>
      <c r="K137" s="11">
        <v>521</v>
      </c>
      <c r="L137" s="11">
        <v>495</v>
      </c>
      <c r="M137" s="11">
        <v>455</v>
      </c>
      <c r="N137" s="22">
        <v>443</v>
      </c>
      <c r="O137" s="22">
        <v>416</v>
      </c>
      <c r="P137" s="22">
        <v>396</v>
      </c>
      <c r="Q137" s="22">
        <v>347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316</v>
      </c>
      <c r="H138" s="11">
        <v>365</v>
      </c>
      <c r="I138" s="11">
        <v>550</v>
      </c>
      <c r="J138" s="11">
        <v>573</v>
      </c>
      <c r="K138" s="11">
        <v>570</v>
      </c>
      <c r="L138" s="11">
        <v>569</v>
      </c>
      <c r="M138" s="11">
        <v>564</v>
      </c>
      <c r="N138" s="22">
        <v>553</v>
      </c>
      <c r="O138" s="22">
        <v>532</v>
      </c>
      <c r="P138" s="22">
        <v>477</v>
      </c>
      <c r="Q138" s="22">
        <v>455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257</v>
      </c>
      <c r="H139" s="11">
        <v>346</v>
      </c>
      <c r="I139" s="11">
        <v>365</v>
      </c>
      <c r="J139" s="11">
        <v>425</v>
      </c>
      <c r="K139" s="11">
        <v>492</v>
      </c>
      <c r="L139" s="11">
        <v>524</v>
      </c>
      <c r="M139" s="11">
        <v>556</v>
      </c>
      <c r="N139" s="22">
        <v>548</v>
      </c>
      <c r="O139" s="22">
        <v>563</v>
      </c>
      <c r="P139" s="22">
        <v>566</v>
      </c>
      <c r="Q139" s="22">
        <v>561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270</v>
      </c>
      <c r="H140" s="11">
        <v>267</v>
      </c>
      <c r="I140" s="11">
        <v>345</v>
      </c>
      <c r="J140" s="11">
        <v>320</v>
      </c>
      <c r="K140" s="11">
        <v>326</v>
      </c>
      <c r="L140" s="11">
        <v>337</v>
      </c>
      <c r="M140" s="11">
        <v>349</v>
      </c>
      <c r="N140" s="22">
        <v>371</v>
      </c>
      <c r="O140" s="22">
        <v>432</v>
      </c>
      <c r="P140" s="22">
        <v>490</v>
      </c>
      <c r="Q140" s="22">
        <v>518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325</v>
      </c>
      <c r="H141" s="11">
        <v>302</v>
      </c>
      <c r="I141" s="11">
        <v>273</v>
      </c>
      <c r="J141" s="11">
        <v>278</v>
      </c>
      <c r="K141" s="11">
        <v>289</v>
      </c>
      <c r="L141" s="11">
        <v>298</v>
      </c>
      <c r="M141" s="11">
        <v>322</v>
      </c>
      <c r="N141" s="22">
        <v>350</v>
      </c>
      <c r="O141" s="22">
        <v>322</v>
      </c>
      <c r="P141" s="22">
        <v>318</v>
      </c>
      <c r="Q141" s="22">
        <v>333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220</v>
      </c>
      <c r="H142" s="11">
        <v>342</v>
      </c>
      <c r="I142" s="11">
        <v>311</v>
      </c>
      <c r="J142" s="11">
        <v>298</v>
      </c>
      <c r="K142" s="11">
        <v>295</v>
      </c>
      <c r="L142" s="11">
        <v>290</v>
      </c>
      <c r="M142" s="11">
        <v>271</v>
      </c>
      <c r="N142" s="22">
        <v>271</v>
      </c>
      <c r="O142" s="22">
        <v>276</v>
      </c>
      <c r="P142" s="22">
        <v>288</v>
      </c>
      <c r="Q142" s="22">
        <v>301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77</v>
      </c>
      <c r="H143" s="14">
        <v>232</v>
      </c>
      <c r="I143" s="14">
        <v>347</v>
      </c>
      <c r="J143" s="14">
        <v>375</v>
      </c>
      <c r="K143" s="14">
        <v>331</v>
      </c>
      <c r="L143" s="14">
        <v>313</v>
      </c>
      <c r="M143" s="14">
        <v>315</v>
      </c>
      <c r="N143" s="23">
        <v>296</v>
      </c>
      <c r="O143" s="23">
        <v>290</v>
      </c>
      <c r="P143" s="23">
        <v>285</v>
      </c>
      <c r="Q143" s="23">
        <v>280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71</v>
      </c>
      <c r="H144" s="14">
        <v>177</v>
      </c>
      <c r="I144" s="14">
        <v>220</v>
      </c>
      <c r="J144" s="14">
        <v>221</v>
      </c>
      <c r="K144" s="14">
        <v>262</v>
      </c>
      <c r="L144" s="14">
        <v>282</v>
      </c>
      <c r="M144" s="14">
        <v>303</v>
      </c>
      <c r="N144" s="23">
        <v>342</v>
      </c>
      <c r="O144" s="23">
        <v>371</v>
      </c>
      <c r="P144" s="23">
        <v>329</v>
      </c>
      <c r="Q144" s="23">
        <v>311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136</v>
      </c>
      <c r="H145" s="14">
        <v>169</v>
      </c>
      <c r="I145" s="14">
        <v>181</v>
      </c>
      <c r="J145" s="14">
        <v>177</v>
      </c>
      <c r="K145" s="14">
        <v>190</v>
      </c>
      <c r="L145" s="14">
        <v>213</v>
      </c>
      <c r="M145" s="14">
        <v>221</v>
      </c>
      <c r="N145" s="23">
        <v>213</v>
      </c>
      <c r="O145" s="23">
        <v>209</v>
      </c>
      <c r="P145" s="23">
        <v>246</v>
      </c>
      <c r="Q145" s="23">
        <v>263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88</v>
      </c>
      <c r="H146" s="14">
        <v>136</v>
      </c>
      <c r="I146" s="14">
        <v>155</v>
      </c>
      <c r="J146" s="14">
        <v>164</v>
      </c>
      <c r="K146" s="14">
        <v>163</v>
      </c>
      <c r="L146" s="14">
        <v>152</v>
      </c>
      <c r="M146" s="14">
        <v>163</v>
      </c>
      <c r="N146" s="23">
        <v>170</v>
      </c>
      <c r="O146" s="23">
        <v>164</v>
      </c>
      <c r="P146" s="23">
        <v>172</v>
      </c>
      <c r="Q146" s="23">
        <v>197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70</v>
      </c>
      <c r="H147" s="14">
        <v>87</v>
      </c>
      <c r="I147" s="14">
        <v>125</v>
      </c>
      <c r="J147" s="14">
        <v>124</v>
      </c>
      <c r="K147" s="14">
        <v>136</v>
      </c>
      <c r="L147" s="14">
        <v>141</v>
      </c>
      <c r="M147" s="14">
        <v>143</v>
      </c>
      <c r="N147" s="23">
        <v>142</v>
      </c>
      <c r="O147" s="23">
        <v>155</v>
      </c>
      <c r="P147" s="23">
        <v>147</v>
      </c>
      <c r="Q147" s="23">
        <v>127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35</v>
      </c>
      <c r="H148" s="14">
        <v>44</v>
      </c>
      <c r="I148" s="14">
        <v>72</v>
      </c>
      <c r="J148" s="14">
        <v>73</v>
      </c>
      <c r="K148" s="14">
        <v>67</v>
      </c>
      <c r="L148" s="14">
        <v>85</v>
      </c>
      <c r="M148" s="14">
        <v>80</v>
      </c>
      <c r="N148" s="23">
        <v>89</v>
      </c>
      <c r="O148" s="23">
        <v>84</v>
      </c>
      <c r="P148" s="23">
        <v>90</v>
      </c>
      <c r="Q148" s="23">
        <v>103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0</v>
      </c>
      <c r="H149" s="14">
        <v>16</v>
      </c>
      <c r="I149" s="14">
        <v>20</v>
      </c>
      <c r="J149" s="14">
        <v>27</v>
      </c>
      <c r="K149" s="14">
        <v>31</v>
      </c>
      <c r="L149" s="14">
        <v>27</v>
      </c>
      <c r="M149" s="14">
        <v>29</v>
      </c>
      <c r="N149" s="23">
        <v>35</v>
      </c>
      <c r="O149" s="23">
        <v>42</v>
      </c>
      <c r="P149" s="23">
        <v>39</v>
      </c>
      <c r="Q149" s="23">
        <v>40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3</v>
      </c>
      <c r="I150" s="14">
        <v>4</v>
      </c>
      <c r="J150" s="14">
        <v>4</v>
      </c>
      <c r="K150" s="14">
        <v>1</v>
      </c>
      <c r="L150" s="14">
        <v>1</v>
      </c>
      <c r="M150" s="14">
        <v>5</v>
      </c>
      <c r="N150" s="23">
        <v>2</v>
      </c>
      <c r="O150" s="23">
        <v>7</v>
      </c>
      <c r="P150" s="23">
        <v>12</v>
      </c>
      <c r="Q150" s="23">
        <v>10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4262</v>
      </c>
      <c r="H151" s="17">
        <f t="shared" ref="H151:N151" si="18">SUM(H130:H150)</f>
        <v>5398</v>
      </c>
      <c r="I151" s="17">
        <f t="shared" si="18"/>
        <v>5897</v>
      </c>
      <c r="J151" s="17">
        <f t="shared" si="18"/>
        <v>5920</v>
      </c>
      <c r="K151" s="17">
        <f t="shared" si="18"/>
        <v>5985</v>
      </c>
      <c r="L151" s="17">
        <f t="shared" si="18"/>
        <v>6077</v>
      </c>
      <c r="M151" s="17">
        <f t="shared" si="18"/>
        <v>6069</v>
      </c>
      <c r="N151" s="17">
        <f t="shared" si="18"/>
        <v>6085</v>
      </c>
      <c r="O151" s="17">
        <f>SUM(O130:O150)</f>
        <v>6073</v>
      </c>
      <c r="P151" s="17">
        <f>SUM(P130:P150)</f>
        <v>6034</v>
      </c>
      <c r="Q151" s="17">
        <f>SUM(Q130:Q150)</f>
        <v>6018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756</v>
      </c>
      <c r="H156" s="8">
        <f t="shared" si="19"/>
        <v>1014</v>
      </c>
      <c r="I156" s="8">
        <f t="shared" si="19"/>
        <v>1079</v>
      </c>
      <c r="J156" s="8">
        <f t="shared" si="19"/>
        <v>1062</v>
      </c>
      <c r="K156" s="8">
        <f t="shared" si="19"/>
        <v>1056</v>
      </c>
      <c r="L156" s="8">
        <f t="shared" si="19"/>
        <v>1065</v>
      </c>
      <c r="M156" s="8">
        <f t="shared" si="19"/>
        <v>1017</v>
      </c>
      <c r="N156" s="8">
        <f t="shared" si="19"/>
        <v>984</v>
      </c>
      <c r="O156" s="8">
        <f t="shared" si="19"/>
        <v>954</v>
      </c>
      <c r="P156" s="8">
        <f t="shared" si="19"/>
        <v>910</v>
      </c>
      <c r="Q156" s="8">
        <v>867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2819</v>
      </c>
      <c r="H157" s="11">
        <f t="shared" si="20"/>
        <v>3520</v>
      </c>
      <c r="I157" s="11">
        <f t="shared" si="20"/>
        <v>3694</v>
      </c>
      <c r="J157" s="11">
        <f t="shared" si="20"/>
        <v>3693</v>
      </c>
      <c r="K157" s="11">
        <f t="shared" si="20"/>
        <v>3748</v>
      </c>
      <c r="L157" s="11">
        <f t="shared" si="20"/>
        <v>3798</v>
      </c>
      <c r="M157" s="11">
        <f t="shared" si="20"/>
        <v>3793</v>
      </c>
      <c r="N157" s="11">
        <f t="shared" si="20"/>
        <v>3812</v>
      </c>
      <c r="O157" s="11">
        <f t="shared" si="20"/>
        <v>3797</v>
      </c>
      <c r="P157" s="11">
        <f t="shared" si="20"/>
        <v>3804</v>
      </c>
      <c r="Q157" s="11">
        <v>3820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687</v>
      </c>
      <c r="H158" s="14">
        <f t="shared" si="21"/>
        <v>864</v>
      </c>
      <c r="I158" s="14">
        <f t="shared" si="21"/>
        <v>1124</v>
      </c>
      <c r="J158" s="14">
        <f t="shared" si="21"/>
        <v>1165</v>
      </c>
      <c r="K158" s="14">
        <f t="shared" si="21"/>
        <v>1181</v>
      </c>
      <c r="L158" s="14">
        <f t="shared" si="21"/>
        <v>1214</v>
      </c>
      <c r="M158" s="14">
        <f t="shared" si="21"/>
        <v>1259</v>
      </c>
      <c r="N158" s="14">
        <f t="shared" si="21"/>
        <v>1289</v>
      </c>
      <c r="O158" s="14">
        <f t="shared" si="21"/>
        <v>1322</v>
      </c>
      <c r="P158" s="14">
        <f t="shared" si="21"/>
        <v>1320</v>
      </c>
      <c r="Q158" s="14">
        <v>1331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4262</v>
      </c>
      <c r="H159" s="17">
        <f t="shared" ref="H159:N159" si="22">SUM(H156:H158)</f>
        <v>5398</v>
      </c>
      <c r="I159" s="17">
        <f t="shared" si="22"/>
        <v>5897</v>
      </c>
      <c r="J159" s="17">
        <f t="shared" si="22"/>
        <v>5920</v>
      </c>
      <c r="K159" s="17">
        <f t="shared" si="22"/>
        <v>5985</v>
      </c>
      <c r="L159" s="17">
        <f t="shared" si="22"/>
        <v>6077</v>
      </c>
      <c r="M159" s="17">
        <f t="shared" si="22"/>
        <v>6069</v>
      </c>
      <c r="N159" s="17">
        <f t="shared" si="22"/>
        <v>6085</v>
      </c>
      <c r="O159" s="17">
        <f>SUM(O156:O158)</f>
        <v>6073</v>
      </c>
      <c r="P159" s="17">
        <f>SUM(P156:P158)</f>
        <v>6034</v>
      </c>
      <c r="Q159" s="17">
        <f>SUM(Q156:Q158)</f>
        <v>6018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7.7</v>
      </c>
      <c r="H164" s="49">
        <f t="shared" si="23"/>
        <v>18.8</v>
      </c>
      <c r="I164" s="49">
        <f t="shared" si="23"/>
        <v>18.3</v>
      </c>
      <c r="J164" s="49">
        <f t="shared" si="23"/>
        <v>17.899999999999999</v>
      </c>
      <c r="K164" s="49">
        <f t="shared" si="23"/>
        <v>17.600000000000001</v>
      </c>
      <c r="L164" s="49">
        <f t="shared" si="23"/>
        <v>17.5</v>
      </c>
      <c r="M164" s="49">
        <f t="shared" si="23"/>
        <v>16.8</v>
      </c>
      <c r="N164" s="49">
        <f t="shared" si="23"/>
        <v>16.2</v>
      </c>
      <c r="O164" s="49">
        <f t="shared" si="23"/>
        <v>15.7</v>
      </c>
      <c r="P164" s="49">
        <f t="shared" si="23"/>
        <v>15.1</v>
      </c>
      <c r="Q164" s="49">
        <f t="shared" si="23"/>
        <v>14.4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6.099999999999994</v>
      </c>
      <c r="H165" s="50">
        <f t="shared" si="24"/>
        <v>65.2</v>
      </c>
      <c r="I165" s="50">
        <f t="shared" si="24"/>
        <v>62.6</v>
      </c>
      <c r="J165" s="50">
        <f t="shared" si="24"/>
        <v>62.4</v>
      </c>
      <c r="K165" s="50">
        <f t="shared" si="24"/>
        <v>62.6</v>
      </c>
      <c r="L165" s="50">
        <f t="shared" si="24"/>
        <v>62.5</v>
      </c>
      <c r="M165" s="50">
        <f t="shared" si="24"/>
        <v>62.5</v>
      </c>
      <c r="N165" s="50">
        <f t="shared" si="24"/>
        <v>62.6</v>
      </c>
      <c r="O165" s="50">
        <f t="shared" si="24"/>
        <v>62.5</v>
      </c>
      <c r="P165" s="50">
        <f t="shared" si="24"/>
        <v>63</v>
      </c>
      <c r="Q165" s="50">
        <f t="shared" si="24"/>
        <v>63.5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16.100000000000001</v>
      </c>
      <c r="H166" s="51">
        <f t="shared" si="25"/>
        <v>16</v>
      </c>
      <c r="I166" s="51">
        <f t="shared" si="25"/>
        <v>19.100000000000001</v>
      </c>
      <c r="J166" s="51">
        <f t="shared" si="25"/>
        <v>19.7</v>
      </c>
      <c r="K166" s="51">
        <f t="shared" si="25"/>
        <v>19.7</v>
      </c>
      <c r="L166" s="51">
        <f t="shared" si="25"/>
        <v>20</v>
      </c>
      <c r="M166" s="51">
        <f t="shared" si="25"/>
        <v>20.7</v>
      </c>
      <c r="N166" s="51">
        <f t="shared" si="25"/>
        <v>21.2</v>
      </c>
      <c r="O166" s="51">
        <f t="shared" si="25"/>
        <v>21.8</v>
      </c>
      <c r="P166" s="51">
        <f t="shared" si="25"/>
        <v>21.9</v>
      </c>
      <c r="Q166" s="51">
        <f t="shared" si="25"/>
        <v>22.1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F735FB-90C1-4FB6-B8EF-88E51EEC2990}">
  <sheetPr codeName="Sheet79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48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51</v>
      </c>
      <c r="H5" s="8">
        <f t="shared" si="0"/>
        <v>31</v>
      </c>
      <c r="I5" s="8">
        <f t="shared" si="0"/>
        <v>37</v>
      </c>
      <c r="J5" s="8">
        <f t="shared" si="0"/>
        <v>46</v>
      </c>
      <c r="K5" s="8">
        <f t="shared" si="0"/>
        <v>45</v>
      </c>
      <c r="L5" s="8">
        <f t="shared" si="0"/>
        <v>49</v>
      </c>
      <c r="M5" s="8">
        <f t="shared" si="0"/>
        <v>54</v>
      </c>
      <c r="N5" s="8">
        <f t="shared" si="0"/>
        <v>55</v>
      </c>
      <c r="O5" s="8">
        <f t="shared" si="0"/>
        <v>51</v>
      </c>
      <c r="P5" s="8">
        <f t="shared" si="0"/>
        <v>55</v>
      </c>
      <c r="Q5" s="8">
        <f t="shared" si="0"/>
        <v>56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89</v>
      </c>
      <c r="H6" s="8">
        <f t="shared" si="0"/>
        <v>52</v>
      </c>
      <c r="I6" s="8">
        <f t="shared" si="0"/>
        <v>29</v>
      </c>
      <c r="J6" s="8">
        <f t="shared" si="0"/>
        <v>34</v>
      </c>
      <c r="K6" s="8">
        <f t="shared" si="0"/>
        <v>36</v>
      </c>
      <c r="L6" s="8">
        <f t="shared" si="0"/>
        <v>38</v>
      </c>
      <c r="M6" s="8">
        <f t="shared" si="0"/>
        <v>42</v>
      </c>
      <c r="N6" s="8">
        <f t="shared" si="0"/>
        <v>47</v>
      </c>
      <c r="O6" s="8">
        <f t="shared" si="0"/>
        <v>52</v>
      </c>
      <c r="P6" s="8">
        <f t="shared" si="0"/>
        <v>57</v>
      </c>
      <c r="Q6" s="8">
        <f t="shared" si="0"/>
        <v>61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85</v>
      </c>
      <c r="H7" s="8">
        <f t="shared" si="0"/>
        <v>89</v>
      </c>
      <c r="I7" s="8">
        <f t="shared" si="0"/>
        <v>50</v>
      </c>
      <c r="J7" s="8">
        <f t="shared" si="0"/>
        <v>45</v>
      </c>
      <c r="K7" s="8">
        <f t="shared" si="0"/>
        <v>39</v>
      </c>
      <c r="L7" s="8">
        <f t="shared" si="0"/>
        <v>37</v>
      </c>
      <c r="M7" s="8">
        <f t="shared" si="0"/>
        <v>37</v>
      </c>
      <c r="N7" s="8">
        <f t="shared" si="0"/>
        <v>30</v>
      </c>
      <c r="O7" s="8">
        <f t="shared" si="0"/>
        <v>35</v>
      </c>
      <c r="P7" s="8">
        <f t="shared" si="0"/>
        <v>36</v>
      </c>
      <c r="Q7" s="8">
        <f t="shared" si="0"/>
        <v>37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96</v>
      </c>
      <c r="H8" s="11">
        <f t="shared" si="0"/>
        <v>84</v>
      </c>
      <c r="I8" s="11">
        <f t="shared" si="0"/>
        <v>83</v>
      </c>
      <c r="J8" s="11">
        <f t="shared" si="0"/>
        <v>81</v>
      </c>
      <c r="K8" s="11">
        <f t="shared" si="0"/>
        <v>75</v>
      </c>
      <c r="L8" s="11">
        <f t="shared" si="0"/>
        <v>75</v>
      </c>
      <c r="M8" s="11">
        <f t="shared" si="0"/>
        <v>64</v>
      </c>
      <c r="N8" s="11">
        <f t="shared" si="0"/>
        <v>51</v>
      </c>
      <c r="O8" s="11">
        <f t="shared" si="0"/>
        <v>44</v>
      </c>
      <c r="P8" s="11">
        <f t="shared" si="0"/>
        <v>39</v>
      </c>
      <c r="Q8" s="11">
        <f t="shared" si="0"/>
        <v>37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92</v>
      </c>
      <c r="H9" s="11">
        <f t="shared" si="0"/>
        <v>95</v>
      </c>
      <c r="I9" s="11">
        <f t="shared" si="0"/>
        <v>81</v>
      </c>
      <c r="J9" s="11">
        <f t="shared" si="0"/>
        <v>80</v>
      </c>
      <c r="K9" s="11">
        <f t="shared" si="0"/>
        <v>84</v>
      </c>
      <c r="L9" s="11">
        <f t="shared" si="0"/>
        <v>83</v>
      </c>
      <c r="M9" s="11">
        <f t="shared" si="0"/>
        <v>81</v>
      </c>
      <c r="N9" s="11">
        <f t="shared" si="0"/>
        <v>82</v>
      </c>
      <c r="O9" s="11">
        <f t="shared" si="0"/>
        <v>73</v>
      </c>
      <c r="P9" s="11">
        <f t="shared" si="0"/>
        <v>62</v>
      </c>
      <c r="Q9" s="11">
        <f t="shared" si="0"/>
        <v>52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72</v>
      </c>
      <c r="H10" s="11">
        <f t="shared" si="0"/>
        <v>81</v>
      </c>
      <c r="I10" s="11">
        <f t="shared" si="0"/>
        <v>82</v>
      </c>
      <c r="J10" s="11">
        <f t="shared" si="0"/>
        <v>84</v>
      </c>
      <c r="K10" s="11">
        <f t="shared" si="0"/>
        <v>74</v>
      </c>
      <c r="L10" s="11">
        <f t="shared" si="0"/>
        <v>77</v>
      </c>
      <c r="M10" s="11">
        <f t="shared" si="0"/>
        <v>72</v>
      </c>
      <c r="N10" s="11">
        <f t="shared" si="0"/>
        <v>80</v>
      </c>
      <c r="O10" s="11">
        <f t="shared" si="0"/>
        <v>67</v>
      </c>
      <c r="P10" s="11">
        <f t="shared" si="0"/>
        <v>73</v>
      </c>
      <c r="Q10" s="11">
        <f t="shared" si="0"/>
        <v>66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90</v>
      </c>
      <c r="H11" s="11">
        <f t="shared" si="0"/>
        <v>62</v>
      </c>
      <c r="I11" s="11">
        <f t="shared" si="0"/>
        <v>74</v>
      </c>
      <c r="J11" s="11">
        <f t="shared" si="0"/>
        <v>81</v>
      </c>
      <c r="K11" s="11">
        <f t="shared" si="0"/>
        <v>90</v>
      </c>
      <c r="L11" s="11">
        <f t="shared" si="0"/>
        <v>84</v>
      </c>
      <c r="M11" s="11">
        <f t="shared" si="0"/>
        <v>83</v>
      </c>
      <c r="N11" s="11">
        <f t="shared" si="0"/>
        <v>83</v>
      </c>
      <c r="O11" s="11">
        <f t="shared" si="0"/>
        <v>81</v>
      </c>
      <c r="P11" s="11">
        <f t="shared" si="0"/>
        <v>75</v>
      </c>
      <c r="Q11" s="11">
        <f t="shared" si="0"/>
        <v>80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87</v>
      </c>
      <c r="H12" s="11">
        <f t="shared" si="0"/>
        <v>85</v>
      </c>
      <c r="I12" s="11">
        <f t="shared" si="0"/>
        <v>61</v>
      </c>
      <c r="J12" s="11">
        <f t="shared" si="0"/>
        <v>67</v>
      </c>
      <c r="K12" s="11">
        <f t="shared" si="0"/>
        <v>68</v>
      </c>
      <c r="L12" s="11">
        <f t="shared" si="0"/>
        <v>76</v>
      </c>
      <c r="M12" s="11">
        <f t="shared" si="0"/>
        <v>79</v>
      </c>
      <c r="N12" s="11">
        <f t="shared" si="0"/>
        <v>72</v>
      </c>
      <c r="O12" s="11">
        <f t="shared" si="0"/>
        <v>81</v>
      </c>
      <c r="P12" s="11">
        <f t="shared" si="0"/>
        <v>91</v>
      </c>
      <c r="Q12" s="11">
        <f t="shared" si="0"/>
        <v>87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05</v>
      </c>
      <c r="H13" s="11">
        <f t="shared" si="0"/>
        <v>87</v>
      </c>
      <c r="I13" s="11">
        <f t="shared" si="0"/>
        <v>80</v>
      </c>
      <c r="J13" s="11">
        <f t="shared" si="0"/>
        <v>78</v>
      </c>
      <c r="K13" s="11">
        <f t="shared" si="0"/>
        <v>70</v>
      </c>
      <c r="L13" s="11">
        <f t="shared" si="0"/>
        <v>66</v>
      </c>
      <c r="M13" s="11">
        <f t="shared" si="0"/>
        <v>66</v>
      </c>
      <c r="N13" s="11">
        <f t="shared" si="0"/>
        <v>68</v>
      </c>
      <c r="O13" s="11">
        <f t="shared" si="0"/>
        <v>71</v>
      </c>
      <c r="P13" s="11">
        <f t="shared" si="0"/>
        <v>71</v>
      </c>
      <c r="Q13" s="11">
        <f t="shared" si="0"/>
        <v>77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05</v>
      </c>
      <c r="H14" s="11">
        <f t="shared" si="0"/>
        <v>100</v>
      </c>
      <c r="I14" s="11">
        <f t="shared" si="0"/>
        <v>86</v>
      </c>
      <c r="J14" s="11">
        <f t="shared" si="0"/>
        <v>85</v>
      </c>
      <c r="K14" s="11">
        <f t="shared" si="0"/>
        <v>91</v>
      </c>
      <c r="L14" s="11">
        <f t="shared" si="0"/>
        <v>91</v>
      </c>
      <c r="M14" s="11">
        <f t="shared" si="0"/>
        <v>94</v>
      </c>
      <c r="N14" s="11">
        <f t="shared" si="0"/>
        <v>84</v>
      </c>
      <c r="O14" s="11">
        <f t="shared" si="0"/>
        <v>81</v>
      </c>
      <c r="P14" s="11">
        <f t="shared" si="0"/>
        <v>75</v>
      </c>
      <c r="Q14" s="11">
        <f t="shared" si="0"/>
        <v>70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20</v>
      </c>
      <c r="H15" s="11">
        <f t="shared" si="0"/>
        <v>102</v>
      </c>
      <c r="I15" s="11">
        <f t="shared" si="0"/>
        <v>101</v>
      </c>
      <c r="J15" s="11">
        <f t="shared" si="0"/>
        <v>96</v>
      </c>
      <c r="K15" s="11">
        <f t="shared" si="0"/>
        <v>94</v>
      </c>
      <c r="L15" s="11">
        <f t="shared" si="0"/>
        <v>90</v>
      </c>
      <c r="M15" s="11">
        <f t="shared" si="0"/>
        <v>92</v>
      </c>
      <c r="N15" s="11">
        <f t="shared" si="0"/>
        <v>87</v>
      </c>
      <c r="O15" s="11">
        <f t="shared" si="0"/>
        <v>85</v>
      </c>
      <c r="P15" s="11">
        <f t="shared" si="0"/>
        <v>91</v>
      </c>
      <c r="Q15" s="11">
        <f t="shared" si="0"/>
        <v>87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26</v>
      </c>
      <c r="H16" s="11">
        <f t="shared" si="0"/>
        <v>111</v>
      </c>
      <c r="I16" s="11">
        <f t="shared" si="0"/>
        <v>108</v>
      </c>
      <c r="J16" s="11">
        <f t="shared" si="0"/>
        <v>107</v>
      </c>
      <c r="K16" s="11">
        <f t="shared" si="0"/>
        <v>108</v>
      </c>
      <c r="L16" s="11">
        <f t="shared" si="0"/>
        <v>116</v>
      </c>
      <c r="M16" s="11">
        <f t="shared" si="0"/>
        <v>103</v>
      </c>
      <c r="N16" s="11">
        <f t="shared" si="0"/>
        <v>103</v>
      </c>
      <c r="O16" s="11">
        <f t="shared" si="0"/>
        <v>100</v>
      </c>
      <c r="P16" s="11">
        <f t="shared" si="0"/>
        <v>94</v>
      </c>
      <c r="Q16" s="11">
        <f t="shared" si="0"/>
        <v>93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05</v>
      </c>
      <c r="H17" s="11">
        <f t="shared" si="0"/>
        <v>124</v>
      </c>
      <c r="I17" s="11">
        <f t="shared" si="0"/>
        <v>111</v>
      </c>
      <c r="J17" s="11">
        <f t="shared" si="0"/>
        <v>109</v>
      </c>
      <c r="K17" s="11">
        <f t="shared" si="0"/>
        <v>103</v>
      </c>
      <c r="L17" s="11">
        <f t="shared" si="0"/>
        <v>99</v>
      </c>
      <c r="M17" s="11">
        <f t="shared" si="0"/>
        <v>109</v>
      </c>
      <c r="N17" s="11">
        <f t="shared" si="0"/>
        <v>104</v>
      </c>
      <c r="O17" s="11">
        <f t="shared" si="0"/>
        <v>107</v>
      </c>
      <c r="P17" s="11">
        <f t="shared" si="0"/>
        <v>106</v>
      </c>
      <c r="Q17" s="11">
        <f t="shared" si="0"/>
        <v>115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04</v>
      </c>
      <c r="H18" s="14">
        <f t="shared" si="0"/>
        <v>102</v>
      </c>
      <c r="I18" s="14">
        <f t="shared" si="0"/>
        <v>116</v>
      </c>
      <c r="J18" s="14">
        <f t="shared" si="0"/>
        <v>124</v>
      </c>
      <c r="K18" s="14">
        <f t="shared" si="0"/>
        <v>114</v>
      </c>
      <c r="L18" s="14">
        <f t="shared" si="0"/>
        <v>116</v>
      </c>
      <c r="M18" s="14">
        <f t="shared" si="0"/>
        <v>113</v>
      </c>
      <c r="N18" s="14">
        <f t="shared" si="0"/>
        <v>112</v>
      </c>
      <c r="O18" s="14">
        <f t="shared" si="0"/>
        <v>107</v>
      </c>
      <c r="P18" s="14">
        <f t="shared" si="0"/>
        <v>102</v>
      </c>
      <c r="Q18" s="14">
        <f t="shared" si="0"/>
        <v>100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11</v>
      </c>
      <c r="H19" s="14">
        <f t="shared" si="0"/>
        <v>94</v>
      </c>
      <c r="I19" s="14">
        <f t="shared" si="0"/>
        <v>101</v>
      </c>
      <c r="J19" s="14">
        <f t="shared" si="0"/>
        <v>99</v>
      </c>
      <c r="K19" s="14">
        <f t="shared" si="0"/>
        <v>108</v>
      </c>
      <c r="L19" s="14">
        <f t="shared" si="0"/>
        <v>96</v>
      </c>
      <c r="M19" s="14">
        <f t="shared" si="0"/>
        <v>98</v>
      </c>
      <c r="N19" s="14">
        <f t="shared" si="0"/>
        <v>106</v>
      </c>
      <c r="O19" s="14">
        <f t="shared" si="0"/>
        <v>114</v>
      </c>
      <c r="P19" s="14">
        <f t="shared" si="0"/>
        <v>107</v>
      </c>
      <c r="Q19" s="14">
        <f t="shared" si="0"/>
        <v>110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80</v>
      </c>
      <c r="H20" s="14">
        <f t="shared" si="0"/>
        <v>98</v>
      </c>
      <c r="I20" s="14">
        <f t="shared" si="0"/>
        <v>83</v>
      </c>
      <c r="J20" s="14">
        <f t="shared" si="0"/>
        <v>79</v>
      </c>
      <c r="K20" s="14">
        <f t="shared" si="0"/>
        <v>74</v>
      </c>
      <c r="L20" s="14">
        <f t="shared" si="0"/>
        <v>89</v>
      </c>
      <c r="M20" s="14">
        <f t="shared" si="0"/>
        <v>94</v>
      </c>
      <c r="N20" s="14">
        <f t="shared" si="0"/>
        <v>90</v>
      </c>
      <c r="O20" s="14">
        <f t="shared" si="0"/>
        <v>86</v>
      </c>
      <c r="P20" s="14">
        <f t="shared" si="0"/>
        <v>99</v>
      </c>
      <c r="Q20" s="14">
        <f t="shared" si="0"/>
        <v>86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68</v>
      </c>
      <c r="H21" s="14">
        <f t="shared" si="1"/>
        <v>68</v>
      </c>
      <c r="I21" s="14">
        <f t="shared" si="1"/>
        <v>81</v>
      </c>
      <c r="J21" s="14">
        <f t="shared" si="1"/>
        <v>79</v>
      </c>
      <c r="K21" s="14">
        <f t="shared" si="1"/>
        <v>87</v>
      </c>
      <c r="L21" s="14">
        <f t="shared" si="1"/>
        <v>79</v>
      </c>
      <c r="M21" s="14">
        <f t="shared" si="1"/>
        <v>73</v>
      </c>
      <c r="N21" s="14">
        <f t="shared" si="1"/>
        <v>74</v>
      </c>
      <c r="O21" s="14">
        <f t="shared" si="1"/>
        <v>70</v>
      </c>
      <c r="P21" s="14">
        <f t="shared" si="1"/>
        <v>62</v>
      </c>
      <c r="Q21" s="14">
        <f t="shared" si="1"/>
        <v>78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39</v>
      </c>
      <c r="H22" s="14">
        <f t="shared" si="1"/>
        <v>50</v>
      </c>
      <c r="I22" s="14">
        <f t="shared" si="1"/>
        <v>44</v>
      </c>
      <c r="J22" s="14">
        <f t="shared" si="1"/>
        <v>47</v>
      </c>
      <c r="K22" s="14">
        <f t="shared" si="1"/>
        <v>55</v>
      </c>
      <c r="L22" s="14">
        <f t="shared" si="1"/>
        <v>60</v>
      </c>
      <c r="M22" s="14">
        <f t="shared" si="1"/>
        <v>58</v>
      </c>
      <c r="N22" s="14">
        <f t="shared" si="1"/>
        <v>62</v>
      </c>
      <c r="O22" s="14">
        <f t="shared" si="1"/>
        <v>66</v>
      </c>
      <c r="P22" s="14">
        <f t="shared" si="1"/>
        <v>71</v>
      </c>
      <c r="Q22" s="14">
        <f t="shared" si="1"/>
        <v>64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2</v>
      </c>
      <c r="H23" s="14">
        <f t="shared" si="1"/>
        <v>21</v>
      </c>
      <c r="I23" s="14">
        <f t="shared" si="1"/>
        <v>28</v>
      </c>
      <c r="J23" s="14">
        <f t="shared" si="1"/>
        <v>27</v>
      </c>
      <c r="K23" s="14">
        <f t="shared" si="1"/>
        <v>22</v>
      </c>
      <c r="L23" s="14">
        <f t="shared" si="1"/>
        <v>23</v>
      </c>
      <c r="M23" s="14">
        <f t="shared" si="1"/>
        <v>27</v>
      </c>
      <c r="N23" s="14">
        <f t="shared" si="1"/>
        <v>34</v>
      </c>
      <c r="O23" s="14">
        <f t="shared" si="1"/>
        <v>32</v>
      </c>
      <c r="P23" s="14">
        <f t="shared" si="1"/>
        <v>35</v>
      </c>
      <c r="Q23" s="14">
        <f t="shared" si="1"/>
        <v>33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6</v>
      </c>
      <c r="H24" s="14">
        <f t="shared" si="1"/>
        <v>5</v>
      </c>
      <c r="I24" s="14">
        <f t="shared" si="1"/>
        <v>8</v>
      </c>
      <c r="J24" s="14">
        <f t="shared" si="1"/>
        <v>9</v>
      </c>
      <c r="K24" s="14">
        <f t="shared" si="1"/>
        <v>13</v>
      </c>
      <c r="L24" s="14">
        <f t="shared" si="1"/>
        <v>11</v>
      </c>
      <c r="M24" s="14">
        <f t="shared" si="1"/>
        <v>12</v>
      </c>
      <c r="N24" s="14">
        <f t="shared" si="1"/>
        <v>13</v>
      </c>
      <c r="O24" s="14">
        <f t="shared" si="1"/>
        <v>16</v>
      </c>
      <c r="P24" s="14">
        <f t="shared" si="1"/>
        <v>11</v>
      </c>
      <c r="Q24" s="14">
        <f t="shared" si="1"/>
        <v>8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2</v>
      </c>
      <c r="I25" s="14">
        <f t="shared" si="1"/>
        <v>1</v>
      </c>
      <c r="J25" s="14">
        <f t="shared" si="1"/>
        <v>1</v>
      </c>
      <c r="K25" s="14">
        <f t="shared" si="1"/>
        <v>0</v>
      </c>
      <c r="L25" s="14">
        <f t="shared" si="1"/>
        <v>1</v>
      </c>
      <c r="M25" s="14">
        <f t="shared" si="1"/>
        <v>1</v>
      </c>
      <c r="N25" s="14">
        <f t="shared" si="1"/>
        <v>2</v>
      </c>
      <c r="O25" s="14">
        <f t="shared" si="1"/>
        <v>1</v>
      </c>
      <c r="P25" s="14">
        <f t="shared" si="1"/>
        <v>3</v>
      </c>
      <c r="Q25" s="14">
        <f t="shared" si="1"/>
        <v>4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643</v>
      </c>
      <c r="H26" s="17">
        <f>SUM(H5:H25)</f>
        <v>1543</v>
      </c>
      <c r="I26" s="17">
        <f t="shared" ref="I26:N26" si="2">SUM(I5:I25)</f>
        <v>1445</v>
      </c>
      <c r="J26" s="17">
        <f t="shared" si="2"/>
        <v>1458</v>
      </c>
      <c r="K26" s="17">
        <f t="shared" si="2"/>
        <v>1450</v>
      </c>
      <c r="L26" s="17">
        <f t="shared" si="2"/>
        <v>1456</v>
      </c>
      <c r="M26" s="17">
        <f t="shared" si="2"/>
        <v>1452</v>
      </c>
      <c r="N26" s="17">
        <f t="shared" si="2"/>
        <v>1439</v>
      </c>
      <c r="O26" s="17">
        <f>SUM(O5:O25)</f>
        <v>1420</v>
      </c>
      <c r="P26" s="17">
        <f>SUM(P5:P25)</f>
        <v>1415</v>
      </c>
      <c r="Q26" s="17">
        <f>SUM(Q5:Q25)</f>
        <v>1401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225</v>
      </c>
      <c r="H31" s="21">
        <f t="shared" si="3"/>
        <v>172</v>
      </c>
      <c r="I31" s="21">
        <f t="shared" si="3"/>
        <v>116</v>
      </c>
      <c r="J31" s="21">
        <f t="shared" si="3"/>
        <v>125</v>
      </c>
      <c r="K31" s="21">
        <f t="shared" si="3"/>
        <v>120</v>
      </c>
      <c r="L31" s="21">
        <f t="shared" si="3"/>
        <v>124</v>
      </c>
      <c r="M31" s="21">
        <f t="shared" si="3"/>
        <v>133</v>
      </c>
      <c r="N31" s="21">
        <f t="shared" si="3"/>
        <v>132</v>
      </c>
      <c r="O31" s="21">
        <f t="shared" si="3"/>
        <v>138</v>
      </c>
      <c r="P31" s="21">
        <f t="shared" si="3"/>
        <v>148</v>
      </c>
      <c r="Q31" s="21">
        <f t="shared" si="3"/>
        <v>154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998</v>
      </c>
      <c r="H32" s="22">
        <f t="shared" si="4"/>
        <v>931</v>
      </c>
      <c r="I32" s="22">
        <f t="shared" si="4"/>
        <v>867</v>
      </c>
      <c r="J32" s="22">
        <f t="shared" si="4"/>
        <v>868</v>
      </c>
      <c r="K32" s="22">
        <f t="shared" si="4"/>
        <v>857</v>
      </c>
      <c r="L32" s="22">
        <f t="shared" si="4"/>
        <v>857</v>
      </c>
      <c r="M32" s="22">
        <f t="shared" si="4"/>
        <v>843</v>
      </c>
      <c r="N32" s="22">
        <f t="shared" si="4"/>
        <v>814</v>
      </c>
      <c r="O32" s="22">
        <f t="shared" si="4"/>
        <v>790</v>
      </c>
      <c r="P32" s="22">
        <f t="shared" si="4"/>
        <v>777</v>
      </c>
      <c r="Q32" s="22">
        <f t="shared" si="4"/>
        <v>764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420</v>
      </c>
      <c r="H33" s="23">
        <f t="shared" si="5"/>
        <v>440</v>
      </c>
      <c r="I33" s="23">
        <f t="shared" si="5"/>
        <v>462</v>
      </c>
      <c r="J33" s="23">
        <f t="shared" si="5"/>
        <v>465</v>
      </c>
      <c r="K33" s="23">
        <f t="shared" si="5"/>
        <v>473</v>
      </c>
      <c r="L33" s="23">
        <f t="shared" si="5"/>
        <v>475</v>
      </c>
      <c r="M33" s="23">
        <f t="shared" si="5"/>
        <v>476</v>
      </c>
      <c r="N33" s="23">
        <f t="shared" si="5"/>
        <v>493</v>
      </c>
      <c r="O33" s="23">
        <f t="shared" si="5"/>
        <v>492</v>
      </c>
      <c r="P33" s="23">
        <f t="shared" si="5"/>
        <v>490</v>
      </c>
      <c r="Q33" s="23">
        <f t="shared" si="5"/>
        <v>483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643</v>
      </c>
      <c r="H34" s="24">
        <f>SUM(H31:H33)</f>
        <v>1543</v>
      </c>
      <c r="I34" s="24">
        <f t="shared" ref="I34:N34" si="6">SUM(I31:I33)</f>
        <v>1445</v>
      </c>
      <c r="J34" s="24">
        <f t="shared" si="6"/>
        <v>1458</v>
      </c>
      <c r="K34" s="24">
        <f t="shared" si="6"/>
        <v>1450</v>
      </c>
      <c r="L34" s="24">
        <f t="shared" si="6"/>
        <v>1456</v>
      </c>
      <c r="M34" s="24">
        <f t="shared" si="6"/>
        <v>1452</v>
      </c>
      <c r="N34" s="24">
        <f t="shared" si="6"/>
        <v>1439</v>
      </c>
      <c r="O34" s="24">
        <f>SUM(O31:O33)</f>
        <v>1420</v>
      </c>
      <c r="P34" s="24">
        <f>SUM(P31:P33)</f>
        <v>1415</v>
      </c>
      <c r="Q34" s="24">
        <f>SUM(Q31:Q33)</f>
        <v>1401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52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3.7</v>
      </c>
      <c r="H39" s="33">
        <f t="shared" si="7"/>
        <v>11.1</v>
      </c>
      <c r="I39" s="33">
        <f t="shared" si="7"/>
        <v>8</v>
      </c>
      <c r="J39" s="33">
        <f t="shared" si="7"/>
        <v>8.6</v>
      </c>
      <c r="K39" s="33">
        <f t="shared" si="7"/>
        <v>8.3000000000000007</v>
      </c>
      <c r="L39" s="33">
        <f t="shared" si="7"/>
        <v>8.5</v>
      </c>
      <c r="M39" s="33">
        <f t="shared" si="7"/>
        <v>9.1999999999999993</v>
      </c>
      <c r="N39" s="33">
        <f t="shared" si="7"/>
        <v>9.1999999999999993</v>
      </c>
      <c r="O39" s="33">
        <f t="shared" si="7"/>
        <v>9.6999999999999993</v>
      </c>
      <c r="P39" s="33">
        <f t="shared" si="7"/>
        <v>10.5</v>
      </c>
      <c r="Q39" s="33">
        <f t="shared" si="7"/>
        <v>11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0.7</v>
      </c>
      <c r="H40" s="35">
        <f t="shared" si="8"/>
        <v>60.3</v>
      </c>
      <c r="I40" s="35">
        <f t="shared" si="8"/>
        <v>60</v>
      </c>
      <c r="J40" s="35">
        <f t="shared" si="8"/>
        <v>59.5</v>
      </c>
      <c r="K40" s="35">
        <f t="shared" si="8"/>
        <v>59.1</v>
      </c>
      <c r="L40" s="35">
        <f t="shared" si="8"/>
        <v>58.9</v>
      </c>
      <c r="M40" s="35">
        <f t="shared" si="8"/>
        <v>58.1</v>
      </c>
      <c r="N40" s="35">
        <f t="shared" si="8"/>
        <v>56.6</v>
      </c>
      <c r="O40" s="35">
        <f t="shared" si="8"/>
        <v>55.6</v>
      </c>
      <c r="P40" s="35">
        <f t="shared" si="8"/>
        <v>54.9</v>
      </c>
      <c r="Q40" s="35">
        <f t="shared" si="8"/>
        <v>54.5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5.6</v>
      </c>
      <c r="H41" s="37">
        <f t="shared" si="9"/>
        <v>28.5</v>
      </c>
      <c r="I41" s="37">
        <f t="shared" si="9"/>
        <v>32</v>
      </c>
      <c r="J41" s="37">
        <f t="shared" si="9"/>
        <v>31.9</v>
      </c>
      <c r="K41" s="37">
        <f t="shared" si="9"/>
        <v>32.6</v>
      </c>
      <c r="L41" s="37">
        <f t="shared" si="9"/>
        <v>32.6</v>
      </c>
      <c r="M41" s="37">
        <f t="shared" si="9"/>
        <v>32.799999999999997</v>
      </c>
      <c r="N41" s="37">
        <f t="shared" si="9"/>
        <v>34.299999999999997</v>
      </c>
      <c r="O41" s="37">
        <f t="shared" si="9"/>
        <v>34.6</v>
      </c>
      <c r="P41" s="37">
        <f t="shared" si="9"/>
        <v>34.6</v>
      </c>
      <c r="Q41" s="37">
        <f t="shared" si="9"/>
        <v>34.5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9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20</v>
      </c>
      <c r="H84" s="8">
        <v>18</v>
      </c>
      <c r="I84" s="8">
        <v>16</v>
      </c>
      <c r="J84" s="8">
        <v>19</v>
      </c>
      <c r="K84" s="8">
        <v>21</v>
      </c>
      <c r="L84" s="8">
        <v>24</v>
      </c>
      <c r="M84" s="8">
        <v>25</v>
      </c>
      <c r="N84" s="21">
        <v>30</v>
      </c>
      <c r="O84" s="21">
        <v>27</v>
      </c>
      <c r="P84" s="21">
        <v>28</v>
      </c>
      <c r="Q84" s="21">
        <v>30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46</v>
      </c>
      <c r="H85" s="8">
        <v>19</v>
      </c>
      <c r="I85" s="8">
        <v>16</v>
      </c>
      <c r="J85" s="8">
        <v>17</v>
      </c>
      <c r="K85" s="8">
        <v>18</v>
      </c>
      <c r="L85" s="8">
        <v>19</v>
      </c>
      <c r="M85" s="8">
        <v>23</v>
      </c>
      <c r="N85" s="21">
        <v>21</v>
      </c>
      <c r="O85" s="21">
        <v>24</v>
      </c>
      <c r="P85" s="21">
        <v>30</v>
      </c>
      <c r="Q85" s="21">
        <v>30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46</v>
      </c>
      <c r="H86" s="8">
        <v>47</v>
      </c>
      <c r="I86" s="8">
        <v>18</v>
      </c>
      <c r="J86" s="8">
        <v>18</v>
      </c>
      <c r="K86" s="8">
        <v>15</v>
      </c>
      <c r="L86" s="8">
        <v>18</v>
      </c>
      <c r="M86" s="8">
        <v>17</v>
      </c>
      <c r="N86" s="21">
        <v>17</v>
      </c>
      <c r="O86" s="21">
        <v>18</v>
      </c>
      <c r="P86" s="21">
        <v>18</v>
      </c>
      <c r="Q86" s="21">
        <v>17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50</v>
      </c>
      <c r="H87" s="11">
        <v>46</v>
      </c>
      <c r="I87" s="11">
        <v>44</v>
      </c>
      <c r="J87" s="11">
        <v>40</v>
      </c>
      <c r="K87" s="11">
        <v>34</v>
      </c>
      <c r="L87" s="11">
        <v>30</v>
      </c>
      <c r="M87" s="11">
        <v>25</v>
      </c>
      <c r="N87" s="22">
        <v>19</v>
      </c>
      <c r="O87" s="22">
        <v>17</v>
      </c>
      <c r="P87" s="22">
        <v>14</v>
      </c>
      <c r="Q87" s="22">
        <v>17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50</v>
      </c>
      <c r="H88" s="11">
        <v>53</v>
      </c>
      <c r="I88" s="11">
        <v>48</v>
      </c>
      <c r="J88" s="11">
        <v>45</v>
      </c>
      <c r="K88" s="11">
        <v>46</v>
      </c>
      <c r="L88" s="11">
        <v>48</v>
      </c>
      <c r="M88" s="11">
        <v>50</v>
      </c>
      <c r="N88" s="22">
        <v>46</v>
      </c>
      <c r="O88" s="22">
        <v>39</v>
      </c>
      <c r="P88" s="22">
        <v>29</v>
      </c>
      <c r="Q88" s="22">
        <v>22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40</v>
      </c>
      <c r="H89" s="11">
        <v>44</v>
      </c>
      <c r="I89" s="11">
        <v>49</v>
      </c>
      <c r="J89" s="11">
        <v>53</v>
      </c>
      <c r="K89" s="11">
        <v>44</v>
      </c>
      <c r="L89" s="11">
        <v>46</v>
      </c>
      <c r="M89" s="11">
        <v>43</v>
      </c>
      <c r="N89" s="22">
        <v>45</v>
      </c>
      <c r="O89" s="22">
        <v>39</v>
      </c>
      <c r="P89" s="22">
        <v>45</v>
      </c>
      <c r="Q89" s="22">
        <v>39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44</v>
      </c>
      <c r="H90" s="11">
        <v>34</v>
      </c>
      <c r="I90" s="11">
        <v>37</v>
      </c>
      <c r="J90" s="11">
        <v>41</v>
      </c>
      <c r="K90" s="11">
        <v>45</v>
      </c>
      <c r="L90" s="11">
        <v>41</v>
      </c>
      <c r="M90" s="11">
        <v>44</v>
      </c>
      <c r="N90" s="22">
        <v>48</v>
      </c>
      <c r="O90" s="22">
        <v>46</v>
      </c>
      <c r="P90" s="22">
        <v>44</v>
      </c>
      <c r="Q90" s="22">
        <v>46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46</v>
      </c>
      <c r="H91" s="11">
        <v>43</v>
      </c>
      <c r="I91" s="11">
        <v>36</v>
      </c>
      <c r="J91" s="11">
        <v>39</v>
      </c>
      <c r="K91" s="11">
        <v>37</v>
      </c>
      <c r="L91" s="11">
        <v>39</v>
      </c>
      <c r="M91" s="11">
        <v>37</v>
      </c>
      <c r="N91" s="22">
        <v>31</v>
      </c>
      <c r="O91" s="22">
        <v>38</v>
      </c>
      <c r="P91" s="22">
        <v>44</v>
      </c>
      <c r="Q91" s="22">
        <v>44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45</v>
      </c>
      <c r="H92" s="11">
        <v>45</v>
      </c>
      <c r="I92" s="11">
        <v>41</v>
      </c>
      <c r="J92" s="11">
        <v>37</v>
      </c>
      <c r="K92" s="11">
        <v>33</v>
      </c>
      <c r="L92" s="11">
        <v>35</v>
      </c>
      <c r="M92" s="11">
        <v>37</v>
      </c>
      <c r="N92" s="22">
        <v>41</v>
      </c>
      <c r="O92" s="22">
        <v>42</v>
      </c>
      <c r="P92" s="22">
        <v>41</v>
      </c>
      <c r="Q92" s="22">
        <v>40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55</v>
      </c>
      <c r="H93" s="11">
        <v>40</v>
      </c>
      <c r="I93" s="11">
        <v>42</v>
      </c>
      <c r="J93" s="11">
        <v>45</v>
      </c>
      <c r="K93" s="11">
        <v>45</v>
      </c>
      <c r="L93" s="11">
        <v>45</v>
      </c>
      <c r="M93" s="11">
        <v>46</v>
      </c>
      <c r="N93" s="22">
        <v>42</v>
      </c>
      <c r="O93" s="22">
        <v>39</v>
      </c>
      <c r="P93" s="22">
        <v>36</v>
      </c>
      <c r="Q93" s="22">
        <v>37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64</v>
      </c>
      <c r="H94" s="11">
        <v>53</v>
      </c>
      <c r="I94" s="11">
        <v>40</v>
      </c>
      <c r="J94" s="11">
        <v>41</v>
      </c>
      <c r="K94" s="11">
        <v>46</v>
      </c>
      <c r="L94" s="11">
        <v>43</v>
      </c>
      <c r="M94" s="11">
        <v>46</v>
      </c>
      <c r="N94" s="22">
        <v>43</v>
      </c>
      <c r="O94" s="22">
        <v>42</v>
      </c>
      <c r="P94" s="22">
        <v>43</v>
      </c>
      <c r="Q94" s="22">
        <v>41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68</v>
      </c>
      <c r="H95" s="11">
        <v>59</v>
      </c>
      <c r="I95" s="11">
        <v>59</v>
      </c>
      <c r="J95" s="11">
        <v>51</v>
      </c>
      <c r="K95" s="11">
        <v>48</v>
      </c>
      <c r="L95" s="11">
        <v>49</v>
      </c>
      <c r="M95" s="11">
        <v>41</v>
      </c>
      <c r="N95" s="22">
        <v>40</v>
      </c>
      <c r="O95" s="22">
        <v>44</v>
      </c>
      <c r="P95" s="22">
        <v>46</v>
      </c>
      <c r="Q95" s="22">
        <v>46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50</v>
      </c>
      <c r="H96" s="11">
        <v>63</v>
      </c>
      <c r="I96" s="11">
        <v>59</v>
      </c>
      <c r="J96" s="11">
        <v>56</v>
      </c>
      <c r="K96" s="11">
        <v>57</v>
      </c>
      <c r="L96" s="11">
        <v>55</v>
      </c>
      <c r="M96" s="11">
        <v>57</v>
      </c>
      <c r="N96" s="22">
        <v>57</v>
      </c>
      <c r="O96" s="22">
        <v>52</v>
      </c>
      <c r="P96" s="22">
        <v>47</v>
      </c>
      <c r="Q96" s="22">
        <v>47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44</v>
      </c>
      <c r="H97" s="14">
        <v>47</v>
      </c>
      <c r="I97" s="14">
        <v>59</v>
      </c>
      <c r="J97" s="14">
        <v>62</v>
      </c>
      <c r="K97" s="14">
        <v>56</v>
      </c>
      <c r="L97" s="14">
        <v>59</v>
      </c>
      <c r="M97" s="14">
        <v>57</v>
      </c>
      <c r="N97" s="23">
        <v>59</v>
      </c>
      <c r="O97" s="23">
        <v>53</v>
      </c>
      <c r="P97" s="23">
        <v>55</v>
      </c>
      <c r="Q97" s="23">
        <v>55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55</v>
      </c>
      <c r="H98" s="14">
        <v>39</v>
      </c>
      <c r="I98" s="14">
        <v>46</v>
      </c>
      <c r="J98" s="14">
        <v>43</v>
      </c>
      <c r="K98" s="14">
        <v>47</v>
      </c>
      <c r="L98" s="14">
        <v>46</v>
      </c>
      <c r="M98" s="14">
        <v>52</v>
      </c>
      <c r="N98" s="23">
        <v>49</v>
      </c>
      <c r="O98" s="23">
        <v>54</v>
      </c>
      <c r="P98" s="23">
        <v>51</v>
      </c>
      <c r="Q98" s="23">
        <v>53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37</v>
      </c>
      <c r="H99" s="14">
        <v>45</v>
      </c>
      <c r="I99" s="14">
        <v>34</v>
      </c>
      <c r="J99" s="14">
        <v>33</v>
      </c>
      <c r="K99" s="14">
        <v>29</v>
      </c>
      <c r="L99" s="14">
        <v>36</v>
      </c>
      <c r="M99" s="14">
        <v>38</v>
      </c>
      <c r="N99" s="23">
        <v>40</v>
      </c>
      <c r="O99" s="23">
        <v>36</v>
      </c>
      <c r="P99" s="23">
        <v>41</v>
      </c>
      <c r="Q99" s="23">
        <v>39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26</v>
      </c>
      <c r="H100" s="14">
        <v>28</v>
      </c>
      <c r="I100" s="14">
        <v>33</v>
      </c>
      <c r="J100" s="14">
        <v>36</v>
      </c>
      <c r="K100" s="14">
        <v>37</v>
      </c>
      <c r="L100" s="14">
        <v>29</v>
      </c>
      <c r="M100" s="14">
        <v>30</v>
      </c>
      <c r="N100" s="23">
        <v>27</v>
      </c>
      <c r="O100" s="23">
        <v>26</v>
      </c>
      <c r="P100" s="23">
        <v>23</v>
      </c>
      <c r="Q100" s="23">
        <v>31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1</v>
      </c>
      <c r="H101" s="14">
        <v>16</v>
      </c>
      <c r="I101" s="14">
        <v>16</v>
      </c>
      <c r="J101" s="14">
        <v>18</v>
      </c>
      <c r="K101" s="14">
        <v>23</v>
      </c>
      <c r="L101" s="14">
        <v>27</v>
      </c>
      <c r="M101" s="14">
        <v>19</v>
      </c>
      <c r="N101" s="23">
        <v>24</v>
      </c>
      <c r="O101" s="23">
        <v>28</v>
      </c>
      <c r="P101" s="23">
        <v>30</v>
      </c>
      <c r="Q101" s="23">
        <v>23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1</v>
      </c>
      <c r="H102" s="14">
        <v>6</v>
      </c>
      <c r="I102" s="14">
        <v>5</v>
      </c>
      <c r="J102" s="14">
        <v>4</v>
      </c>
      <c r="K102" s="14">
        <v>5</v>
      </c>
      <c r="L102" s="14">
        <v>7</v>
      </c>
      <c r="M102" s="14">
        <v>9</v>
      </c>
      <c r="N102" s="23">
        <v>11</v>
      </c>
      <c r="O102" s="23">
        <v>10</v>
      </c>
      <c r="P102" s="23">
        <v>11</v>
      </c>
      <c r="Q102" s="23">
        <v>11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1</v>
      </c>
      <c r="H103" s="14">
        <v>1</v>
      </c>
      <c r="I103" s="14">
        <v>2</v>
      </c>
      <c r="J103" s="14">
        <v>2</v>
      </c>
      <c r="K103" s="14">
        <v>2</v>
      </c>
      <c r="L103" s="14">
        <v>1</v>
      </c>
      <c r="M103" s="14">
        <v>2</v>
      </c>
      <c r="N103" s="23">
        <v>3</v>
      </c>
      <c r="O103" s="23">
        <v>3</v>
      </c>
      <c r="P103" s="23">
        <v>3</v>
      </c>
      <c r="Q103" s="23">
        <v>3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1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799</v>
      </c>
      <c r="H105" s="17">
        <f t="shared" ref="H105:N105" si="10">SUM(H84:H104)</f>
        <v>747</v>
      </c>
      <c r="I105" s="17">
        <f t="shared" si="10"/>
        <v>700</v>
      </c>
      <c r="J105" s="17">
        <f t="shared" si="10"/>
        <v>700</v>
      </c>
      <c r="K105" s="17">
        <f t="shared" si="10"/>
        <v>688</v>
      </c>
      <c r="L105" s="17">
        <f t="shared" si="10"/>
        <v>697</v>
      </c>
      <c r="M105" s="17">
        <f t="shared" si="10"/>
        <v>698</v>
      </c>
      <c r="N105" s="17">
        <f t="shared" si="10"/>
        <v>693</v>
      </c>
      <c r="O105" s="17">
        <f>SUM(O84:O104)</f>
        <v>677</v>
      </c>
      <c r="P105" s="17">
        <f>SUM(P84:P104)</f>
        <v>679</v>
      </c>
      <c r="Q105" s="17">
        <f>SUM(Q84:Q104)</f>
        <v>671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12</v>
      </c>
      <c r="H110" s="8">
        <f t="shared" si="11"/>
        <v>84</v>
      </c>
      <c r="I110" s="8">
        <f t="shared" si="11"/>
        <v>50</v>
      </c>
      <c r="J110" s="8">
        <f t="shared" si="11"/>
        <v>54</v>
      </c>
      <c r="K110" s="8">
        <f t="shared" si="11"/>
        <v>54</v>
      </c>
      <c r="L110" s="8">
        <f t="shared" si="11"/>
        <v>61</v>
      </c>
      <c r="M110" s="8">
        <f t="shared" si="11"/>
        <v>65</v>
      </c>
      <c r="N110" s="8">
        <f t="shared" si="11"/>
        <v>68</v>
      </c>
      <c r="O110" s="8">
        <f t="shared" si="11"/>
        <v>69</v>
      </c>
      <c r="P110" s="8">
        <f t="shared" si="11"/>
        <v>76</v>
      </c>
      <c r="Q110" s="8">
        <v>77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512</v>
      </c>
      <c r="H111" s="11">
        <f t="shared" si="12"/>
        <v>480</v>
      </c>
      <c r="I111" s="11">
        <f t="shared" si="12"/>
        <v>455</v>
      </c>
      <c r="J111" s="11">
        <f t="shared" si="12"/>
        <v>448</v>
      </c>
      <c r="K111" s="11">
        <f t="shared" si="12"/>
        <v>435</v>
      </c>
      <c r="L111" s="11">
        <f t="shared" si="12"/>
        <v>431</v>
      </c>
      <c r="M111" s="11">
        <f t="shared" si="12"/>
        <v>426</v>
      </c>
      <c r="N111" s="11">
        <f t="shared" si="12"/>
        <v>412</v>
      </c>
      <c r="O111" s="11">
        <f t="shared" si="12"/>
        <v>398</v>
      </c>
      <c r="P111" s="11">
        <f t="shared" si="12"/>
        <v>389</v>
      </c>
      <c r="Q111" s="11">
        <v>379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75</v>
      </c>
      <c r="H112" s="14">
        <f t="shared" si="13"/>
        <v>183</v>
      </c>
      <c r="I112" s="14">
        <f t="shared" si="13"/>
        <v>195</v>
      </c>
      <c r="J112" s="14">
        <f t="shared" si="13"/>
        <v>198</v>
      </c>
      <c r="K112" s="14">
        <f t="shared" si="13"/>
        <v>199</v>
      </c>
      <c r="L112" s="14">
        <f t="shared" si="13"/>
        <v>205</v>
      </c>
      <c r="M112" s="14">
        <f t="shared" si="13"/>
        <v>207</v>
      </c>
      <c r="N112" s="14">
        <f t="shared" si="13"/>
        <v>213</v>
      </c>
      <c r="O112" s="14">
        <f t="shared" si="13"/>
        <v>210</v>
      </c>
      <c r="P112" s="14">
        <f t="shared" si="13"/>
        <v>214</v>
      </c>
      <c r="Q112" s="14">
        <v>215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799</v>
      </c>
      <c r="H113" s="17">
        <f t="shared" ref="H113:N113" si="14">SUM(H110:H112)</f>
        <v>747</v>
      </c>
      <c r="I113" s="17">
        <f t="shared" si="14"/>
        <v>700</v>
      </c>
      <c r="J113" s="17">
        <f t="shared" si="14"/>
        <v>700</v>
      </c>
      <c r="K113" s="17">
        <f t="shared" si="14"/>
        <v>688</v>
      </c>
      <c r="L113" s="17">
        <f t="shared" si="14"/>
        <v>697</v>
      </c>
      <c r="M113" s="17">
        <f t="shared" si="14"/>
        <v>698</v>
      </c>
      <c r="N113" s="17">
        <f t="shared" si="14"/>
        <v>693</v>
      </c>
      <c r="O113" s="17">
        <f>SUM(O110:O112)</f>
        <v>677</v>
      </c>
      <c r="P113" s="17">
        <f>SUM(P110:P112)</f>
        <v>679</v>
      </c>
      <c r="Q113" s="17">
        <f>SUM(Q110:Q112)</f>
        <v>671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4</v>
      </c>
      <c r="H118" s="49">
        <f t="shared" si="15"/>
        <v>11.2</v>
      </c>
      <c r="I118" s="49">
        <f t="shared" si="15"/>
        <v>7.1</v>
      </c>
      <c r="J118" s="49">
        <f t="shared" si="15"/>
        <v>7.7</v>
      </c>
      <c r="K118" s="49">
        <f t="shared" si="15"/>
        <v>7.8</v>
      </c>
      <c r="L118" s="49">
        <f t="shared" si="15"/>
        <v>8.8000000000000007</v>
      </c>
      <c r="M118" s="49">
        <f t="shared" si="15"/>
        <v>9.3000000000000007</v>
      </c>
      <c r="N118" s="49">
        <f t="shared" si="15"/>
        <v>9.8000000000000007</v>
      </c>
      <c r="O118" s="49">
        <f t="shared" si="15"/>
        <v>10.199999999999999</v>
      </c>
      <c r="P118" s="49">
        <f t="shared" si="15"/>
        <v>11.2</v>
      </c>
      <c r="Q118" s="49">
        <f t="shared" si="15"/>
        <v>11.5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4.099999999999994</v>
      </c>
      <c r="H119" s="50">
        <f t="shared" si="16"/>
        <v>64.3</v>
      </c>
      <c r="I119" s="50">
        <f t="shared" si="16"/>
        <v>65</v>
      </c>
      <c r="J119" s="50">
        <f t="shared" si="16"/>
        <v>64</v>
      </c>
      <c r="K119" s="50">
        <f t="shared" si="16"/>
        <v>63.2</v>
      </c>
      <c r="L119" s="50">
        <f t="shared" si="16"/>
        <v>61.8</v>
      </c>
      <c r="M119" s="50">
        <f t="shared" si="16"/>
        <v>61</v>
      </c>
      <c r="N119" s="50">
        <f t="shared" si="16"/>
        <v>59.5</v>
      </c>
      <c r="O119" s="50">
        <f t="shared" si="16"/>
        <v>58.8</v>
      </c>
      <c r="P119" s="50">
        <f t="shared" si="16"/>
        <v>57.3</v>
      </c>
      <c r="Q119" s="50">
        <f t="shared" si="16"/>
        <v>56.5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21.9</v>
      </c>
      <c r="H120" s="51">
        <f t="shared" si="17"/>
        <v>24.5</v>
      </c>
      <c r="I120" s="51">
        <f t="shared" si="17"/>
        <v>27.9</v>
      </c>
      <c r="J120" s="51">
        <f t="shared" si="17"/>
        <v>28.3</v>
      </c>
      <c r="K120" s="51">
        <f t="shared" si="17"/>
        <v>28.9</v>
      </c>
      <c r="L120" s="51">
        <f t="shared" si="17"/>
        <v>29.4</v>
      </c>
      <c r="M120" s="51">
        <f t="shared" si="17"/>
        <v>29.7</v>
      </c>
      <c r="N120" s="51">
        <f t="shared" si="17"/>
        <v>30.7</v>
      </c>
      <c r="O120" s="51">
        <f t="shared" si="17"/>
        <v>31</v>
      </c>
      <c r="P120" s="51">
        <f t="shared" si="17"/>
        <v>31.5</v>
      </c>
      <c r="Q120" s="51">
        <f t="shared" si="17"/>
        <v>32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0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31</v>
      </c>
      <c r="H130" s="8">
        <v>13</v>
      </c>
      <c r="I130" s="8">
        <v>21</v>
      </c>
      <c r="J130" s="8">
        <v>27</v>
      </c>
      <c r="K130" s="8">
        <v>24</v>
      </c>
      <c r="L130" s="8">
        <v>25</v>
      </c>
      <c r="M130" s="8">
        <v>29</v>
      </c>
      <c r="N130" s="21">
        <v>25</v>
      </c>
      <c r="O130" s="21">
        <v>24</v>
      </c>
      <c r="P130" s="21">
        <v>27</v>
      </c>
      <c r="Q130" s="21">
        <v>26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43</v>
      </c>
      <c r="H131" s="8">
        <v>33</v>
      </c>
      <c r="I131" s="8">
        <v>13</v>
      </c>
      <c r="J131" s="8">
        <v>17</v>
      </c>
      <c r="K131" s="8">
        <v>18</v>
      </c>
      <c r="L131" s="8">
        <v>19</v>
      </c>
      <c r="M131" s="8">
        <v>19</v>
      </c>
      <c r="N131" s="21">
        <v>26</v>
      </c>
      <c r="O131" s="21">
        <v>28</v>
      </c>
      <c r="P131" s="21">
        <v>27</v>
      </c>
      <c r="Q131" s="21">
        <v>31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39</v>
      </c>
      <c r="H132" s="8">
        <v>42</v>
      </c>
      <c r="I132" s="8">
        <v>32</v>
      </c>
      <c r="J132" s="8">
        <v>27</v>
      </c>
      <c r="K132" s="8">
        <v>24</v>
      </c>
      <c r="L132" s="8">
        <v>19</v>
      </c>
      <c r="M132" s="8">
        <v>20</v>
      </c>
      <c r="N132" s="21">
        <v>13</v>
      </c>
      <c r="O132" s="21">
        <v>17</v>
      </c>
      <c r="P132" s="21">
        <v>18</v>
      </c>
      <c r="Q132" s="21">
        <v>20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46</v>
      </c>
      <c r="H133" s="11">
        <v>38</v>
      </c>
      <c r="I133" s="11">
        <v>39</v>
      </c>
      <c r="J133" s="11">
        <v>41</v>
      </c>
      <c r="K133" s="11">
        <v>41</v>
      </c>
      <c r="L133" s="11">
        <v>45</v>
      </c>
      <c r="M133" s="11">
        <v>39</v>
      </c>
      <c r="N133" s="22">
        <v>32</v>
      </c>
      <c r="O133" s="22">
        <v>27</v>
      </c>
      <c r="P133" s="22">
        <v>25</v>
      </c>
      <c r="Q133" s="22">
        <v>20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42</v>
      </c>
      <c r="H134" s="11">
        <v>42</v>
      </c>
      <c r="I134" s="11">
        <v>33</v>
      </c>
      <c r="J134" s="11">
        <v>35</v>
      </c>
      <c r="K134" s="11">
        <v>38</v>
      </c>
      <c r="L134" s="11">
        <v>35</v>
      </c>
      <c r="M134" s="11">
        <v>31</v>
      </c>
      <c r="N134" s="22">
        <v>36</v>
      </c>
      <c r="O134" s="22">
        <v>34</v>
      </c>
      <c r="P134" s="22">
        <v>33</v>
      </c>
      <c r="Q134" s="22">
        <v>30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32</v>
      </c>
      <c r="H135" s="11">
        <v>37</v>
      </c>
      <c r="I135" s="11">
        <v>33</v>
      </c>
      <c r="J135" s="11">
        <v>31</v>
      </c>
      <c r="K135" s="11">
        <v>30</v>
      </c>
      <c r="L135" s="11">
        <v>31</v>
      </c>
      <c r="M135" s="11">
        <v>29</v>
      </c>
      <c r="N135" s="22">
        <v>35</v>
      </c>
      <c r="O135" s="22">
        <v>28</v>
      </c>
      <c r="P135" s="22">
        <v>28</v>
      </c>
      <c r="Q135" s="22">
        <v>27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46</v>
      </c>
      <c r="H136" s="11">
        <v>28</v>
      </c>
      <c r="I136" s="11">
        <v>37</v>
      </c>
      <c r="J136" s="11">
        <v>40</v>
      </c>
      <c r="K136" s="11">
        <v>45</v>
      </c>
      <c r="L136" s="11">
        <v>43</v>
      </c>
      <c r="M136" s="11">
        <v>39</v>
      </c>
      <c r="N136" s="22">
        <v>35</v>
      </c>
      <c r="O136" s="22">
        <v>35</v>
      </c>
      <c r="P136" s="22">
        <v>31</v>
      </c>
      <c r="Q136" s="22">
        <v>34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41</v>
      </c>
      <c r="H137" s="11">
        <v>42</v>
      </c>
      <c r="I137" s="11">
        <v>25</v>
      </c>
      <c r="J137" s="11">
        <v>28</v>
      </c>
      <c r="K137" s="11">
        <v>31</v>
      </c>
      <c r="L137" s="11">
        <v>37</v>
      </c>
      <c r="M137" s="11">
        <v>42</v>
      </c>
      <c r="N137" s="22">
        <v>41</v>
      </c>
      <c r="O137" s="22">
        <v>43</v>
      </c>
      <c r="P137" s="22">
        <v>47</v>
      </c>
      <c r="Q137" s="22">
        <v>43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60</v>
      </c>
      <c r="H138" s="11">
        <v>42</v>
      </c>
      <c r="I138" s="11">
        <v>39</v>
      </c>
      <c r="J138" s="11">
        <v>41</v>
      </c>
      <c r="K138" s="11">
        <v>37</v>
      </c>
      <c r="L138" s="11">
        <v>31</v>
      </c>
      <c r="M138" s="11">
        <v>29</v>
      </c>
      <c r="N138" s="22">
        <v>27</v>
      </c>
      <c r="O138" s="22">
        <v>29</v>
      </c>
      <c r="P138" s="22">
        <v>30</v>
      </c>
      <c r="Q138" s="22">
        <v>37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50</v>
      </c>
      <c r="H139" s="11">
        <v>60</v>
      </c>
      <c r="I139" s="11">
        <v>44</v>
      </c>
      <c r="J139" s="11">
        <v>40</v>
      </c>
      <c r="K139" s="11">
        <v>46</v>
      </c>
      <c r="L139" s="11">
        <v>46</v>
      </c>
      <c r="M139" s="11">
        <v>48</v>
      </c>
      <c r="N139" s="22">
        <v>42</v>
      </c>
      <c r="O139" s="22">
        <v>42</v>
      </c>
      <c r="P139" s="22">
        <v>39</v>
      </c>
      <c r="Q139" s="22">
        <v>33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56</v>
      </c>
      <c r="H140" s="11">
        <v>49</v>
      </c>
      <c r="I140" s="11">
        <v>61</v>
      </c>
      <c r="J140" s="11">
        <v>55</v>
      </c>
      <c r="K140" s="11">
        <v>48</v>
      </c>
      <c r="L140" s="11">
        <v>47</v>
      </c>
      <c r="M140" s="11">
        <v>46</v>
      </c>
      <c r="N140" s="22">
        <v>44</v>
      </c>
      <c r="O140" s="22">
        <v>43</v>
      </c>
      <c r="P140" s="22">
        <v>48</v>
      </c>
      <c r="Q140" s="22">
        <v>46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58</v>
      </c>
      <c r="H141" s="11">
        <v>52</v>
      </c>
      <c r="I141" s="11">
        <v>49</v>
      </c>
      <c r="J141" s="11">
        <v>56</v>
      </c>
      <c r="K141" s="11">
        <v>60</v>
      </c>
      <c r="L141" s="11">
        <v>67</v>
      </c>
      <c r="M141" s="11">
        <v>62</v>
      </c>
      <c r="N141" s="22">
        <v>63</v>
      </c>
      <c r="O141" s="22">
        <v>56</v>
      </c>
      <c r="P141" s="22">
        <v>48</v>
      </c>
      <c r="Q141" s="22">
        <v>47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55</v>
      </c>
      <c r="H142" s="11">
        <v>61</v>
      </c>
      <c r="I142" s="11">
        <v>52</v>
      </c>
      <c r="J142" s="11">
        <v>53</v>
      </c>
      <c r="K142" s="11">
        <v>46</v>
      </c>
      <c r="L142" s="11">
        <v>44</v>
      </c>
      <c r="M142" s="11">
        <v>52</v>
      </c>
      <c r="N142" s="22">
        <v>47</v>
      </c>
      <c r="O142" s="22">
        <v>55</v>
      </c>
      <c r="P142" s="22">
        <v>59</v>
      </c>
      <c r="Q142" s="22">
        <v>68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60</v>
      </c>
      <c r="H143" s="14">
        <v>55</v>
      </c>
      <c r="I143" s="14">
        <v>57</v>
      </c>
      <c r="J143" s="14">
        <v>62</v>
      </c>
      <c r="K143" s="14">
        <v>58</v>
      </c>
      <c r="L143" s="14">
        <v>57</v>
      </c>
      <c r="M143" s="14">
        <v>56</v>
      </c>
      <c r="N143" s="23">
        <v>53</v>
      </c>
      <c r="O143" s="23">
        <v>54</v>
      </c>
      <c r="P143" s="23">
        <v>47</v>
      </c>
      <c r="Q143" s="23">
        <v>45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56</v>
      </c>
      <c r="H144" s="14">
        <v>55</v>
      </c>
      <c r="I144" s="14">
        <v>55</v>
      </c>
      <c r="J144" s="14">
        <v>56</v>
      </c>
      <c r="K144" s="14">
        <v>61</v>
      </c>
      <c r="L144" s="14">
        <v>50</v>
      </c>
      <c r="M144" s="14">
        <v>46</v>
      </c>
      <c r="N144" s="23">
        <v>57</v>
      </c>
      <c r="O144" s="23">
        <v>60</v>
      </c>
      <c r="P144" s="23">
        <v>56</v>
      </c>
      <c r="Q144" s="23">
        <v>57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43</v>
      </c>
      <c r="H145" s="14">
        <v>53</v>
      </c>
      <c r="I145" s="14">
        <v>49</v>
      </c>
      <c r="J145" s="14">
        <v>46</v>
      </c>
      <c r="K145" s="14">
        <v>45</v>
      </c>
      <c r="L145" s="14">
        <v>53</v>
      </c>
      <c r="M145" s="14">
        <v>56</v>
      </c>
      <c r="N145" s="23">
        <v>50</v>
      </c>
      <c r="O145" s="23">
        <v>50</v>
      </c>
      <c r="P145" s="23">
        <v>58</v>
      </c>
      <c r="Q145" s="23">
        <v>47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42</v>
      </c>
      <c r="H146" s="14">
        <v>40</v>
      </c>
      <c r="I146" s="14">
        <v>48</v>
      </c>
      <c r="J146" s="14">
        <v>43</v>
      </c>
      <c r="K146" s="14">
        <v>50</v>
      </c>
      <c r="L146" s="14">
        <v>50</v>
      </c>
      <c r="M146" s="14">
        <v>43</v>
      </c>
      <c r="N146" s="23">
        <v>47</v>
      </c>
      <c r="O146" s="23">
        <v>44</v>
      </c>
      <c r="P146" s="23">
        <v>39</v>
      </c>
      <c r="Q146" s="23">
        <v>47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28</v>
      </c>
      <c r="H147" s="14">
        <v>34</v>
      </c>
      <c r="I147" s="14">
        <v>28</v>
      </c>
      <c r="J147" s="14">
        <v>29</v>
      </c>
      <c r="K147" s="14">
        <v>32</v>
      </c>
      <c r="L147" s="14">
        <v>33</v>
      </c>
      <c r="M147" s="14">
        <v>39</v>
      </c>
      <c r="N147" s="23">
        <v>38</v>
      </c>
      <c r="O147" s="23">
        <v>38</v>
      </c>
      <c r="P147" s="23">
        <v>41</v>
      </c>
      <c r="Q147" s="23">
        <v>41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1</v>
      </c>
      <c r="H148" s="14">
        <v>15</v>
      </c>
      <c r="I148" s="14">
        <v>23</v>
      </c>
      <c r="J148" s="14">
        <v>23</v>
      </c>
      <c r="K148" s="14">
        <v>17</v>
      </c>
      <c r="L148" s="14">
        <v>16</v>
      </c>
      <c r="M148" s="14">
        <v>18</v>
      </c>
      <c r="N148" s="23">
        <v>23</v>
      </c>
      <c r="O148" s="23">
        <v>22</v>
      </c>
      <c r="P148" s="23">
        <v>24</v>
      </c>
      <c r="Q148" s="23">
        <v>22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5</v>
      </c>
      <c r="H149" s="14">
        <v>4</v>
      </c>
      <c r="I149" s="14">
        <v>6</v>
      </c>
      <c r="J149" s="14">
        <v>7</v>
      </c>
      <c r="K149" s="14">
        <v>11</v>
      </c>
      <c r="L149" s="14">
        <v>10</v>
      </c>
      <c r="M149" s="14">
        <v>10</v>
      </c>
      <c r="N149" s="23">
        <v>10</v>
      </c>
      <c r="O149" s="23">
        <v>13</v>
      </c>
      <c r="P149" s="23">
        <v>8</v>
      </c>
      <c r="Q149" s="23">
        <v>5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1</v>
      </c>
      <c r="I150" s="14">
        <v>1</v>
      </c>
      <c r="J150" s="14">
        <v>1</v>
      </c>
      <c r="K150" s="14">
        <v>0</v>
      </c>
      <c r="L150" s="14">
        <v>1</v>
      </c>
      <c r="M150" s="14">
        <v>1</v>
      </c>
      <c r="N150" s="23">
        <v>2</v>
      </c>
      <c r="O150" s="23">
        <v>1</v>
      </c>
      <c r="P150" s="23">
        <v>3</v>
      </c>
      <c r="Q150" s="23">
        <v>4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844</v>
      </c>
      <c r="H151" s="17">
        <f t="shared" ref="H151:M151" si="18">SUM(H130:H150)</f>
        <v>796</v>
      </c>
      <c r="I151" s="17">
        <f t="shared" si="18"/>
        <v>745</v>
      </c>
      <c r="J151" s="17">
        <f t="shared" si="18"/>
        <v>758</v>
      </c>
      <c r="K151" s="17">
        <f t="shared" si="18"/>
        <v>762</v>
      </c>
      <c r="L151" s="17">
        <f t="shared" si="18"/>
        <v>759</v>
      </c>
      <c r="M151" s="17">
        <f t="shared" si="18"/>
        <v>754</v>
      </c>
      <c r="N151" s="17">
        <f>SUM(N130:N150)</f>
        <v>746</v>
      </c>
      <c r="O151" s="17">
        <f>SUM(O130:O150)</f>
        <v>743</v>
      </c>
      <c r="P151" s="17">
        <f>SUM(P130:P150)</f>
        <v>736</v>
      </c>
      <c r="Q151" s="17">
        <f>SUM(Q130:Q150)</f>
        <v>730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13</v>
      </c>
      <c r="H156" s="8">
        <f t="shared" si="19"/>
        <v>88</v>
      </c>
      <c r="I156" s="8">
        <f t="shared" si="19"/>
        <v>66</v>
      </c>
      <c r="J156" s="8">
        <f t="shared" si="19"/>
        <v>71</v>
      </c>
      <c r="K156" s="8">
        <f t="shared" si="19"/>
        <v>66</v>
      </c>
      <c r="L156" s="8">
        <f t="shared" si="19"/>
        <v>63</v>
      </c>
      <c r="M156" s="8">
        <f t="shared" si="19"/>
        <v>68</v>
      </c>
      <c r="N156" s="8">
        <f t="shared" si="19"/>
        <v>64</v>
      </c>
      <c r="O156" s="8">
        <f t="shared" si="19"/>
        <v>69</v>
      </c>
      <c r="P156" s="8">
        <f t="shared" si="19"/>
        <v>72</v>
      </c>
      <c r="Q156" s="8">
        <v>77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486</v>
      </c>
      <c r="H157" s="11">
        <f t="shared" si="20"/>
        <v>451</v>
      </c>
      <c r="I157" s="11">
        <f t="shared" si="20"/>
        <v>412</v>
      </c>
      <c r="J157" s="11">
        <f t="shared" si="20"/>
        <v>420</v>
      </c>
      <c r="K157" s="11">
        <f t="shared" si="20"/>
        <v>422</v>
      </c>
      <c r="L157" s="11">
        <f t="shared" si="20"/>
        <v>426</v>
      </c>
      <c r="M157" s="11">
        <f t="shared" si="20"/>
        <v>417</v>
      </c>
      <c r="N157" s="11">
        <f t="shared" si="20"/>
        <v>402</v>
      </c>
      <c r="O157" s="11">
        <f t="shared" si="20"/>
        <v>392</v>
      </c>
      <c r="P157" s="11">
        <f t="shared" si="20"/>
        <v>388</v>
      </c>
      <c r="Q157" s="11">
        <v>385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245</v>
      </c>
      <c r="H158" s="14">
        <f t="shared" si="21"/>
        <v>257</v>
      </c>
      <c r="I158" s="14">
        <f t="shared" si="21"/>
        <v>267</v>
      </c>
      <c r="J158" s="14">
        <f t="shared" si="21"/>
        <v>267</v>
      </c>
      <c r="K158" s="14">
        <f t="shared" si="21"/>
        <v>274</v>
      </c>
      <c r="L158" s="14">
        <f t="shared" si="21"/>
        <v>270</v>
      </c>
      <c r="M158" s="14">
        <f t="shared" si="21"/>
        <v>269</v>
      </c>
      <c r="N158" s="14">
        <f t="shared" si="21"/>
        <v>280</v>
      </c>
      <c r="O158" s="14">
        <f t="shared" si="21"/>
        <v>282</v>
      </c>
      <c r="P158" s="14">
        <f t="shared" si="21"/>
        <v>276</v>
      </c>
      <c r="Q158" s="14">
        <v>268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844</v>
      </c>
      <c r="H159" s="17">
        <f t="shared" ref="H159:N159" si="22">SUM(H156:H158)</f>
        <v>796</v>
      </c>
      <c r="I159" s="17">
        <f t="shared" si="22"/>
        <v>745</v>
      </c>
      <c r="J159" s="17">
        <f t="shared" si="22"/>
        <v>758</v>
      </c>
      <c r="K159" s="17">
        <f t="shared" si="22"/>
        <v>762</v>
      </c>
      <c r="L159" s="17">
        <f t="shared" si="22"/>
        <v>759</v>
      </c>
      <c r="M159" s="17">
        <f t="shared" si="22"/>
        <v>754</v>
      </c>
      <c r="N159" s="17">
        <f t="shared" si="22"/>
        <v>746</v>
      </c>
      <c r="O159" s="17">
        <f>SUM(O156:O158)</f>
        <v>743</v>
      </c>
      <c r="P159" s="17">
        <f>SUM(P156:P158)</f>
        <v>736</v>
      </c>
      <c r="Q159" s="17">
        <f>SUM(Q156:Q158)</f>
        <v>730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3.4</v>
      </c>
      <c r="H164" s="49">
        <f t="shared" si="23"/>
        <v>11.1</v>
      </c>
      <c r="I164" s="49">
        <f t="shared" si="23"/>
        <v>8.9</v>
      </c>
      <c r="J164" s="49">
        <f t="shared" si="23"/>
        <v>9.4</v>
      </c>
      <c r="K164" s="49">
        <f t="shared" si="23"/>
        <v>8.6999999999999993</v>
      </c>
      <c r="L164" s="49">
        <f t="shared" si="23"/>
        <v>8.3000000000000007</v>
      </c>
      <c r="M164" s="49">
        <f t="shared" si="23"/>
        <v>9</v>
      </c>
      <c r="N164" s="49">
        <f t="shared" si="23"/>
        <v>8.6</v>
      </c>
      <c r="O164" s="49">
        <f t="shared" si="23"/>
        <v>9.3000000000000007</v>
      </c>
      <c r="P164" s="49">
        <f t="shared" si="23"/>
        <v>9.8000000000000007</v>
      </c>
      <c r="Q164" s="49">
        <f t="shared" si="23"/>
        <v>10.5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57.6</v>
      </c>
      <c r="H165" s="50">
        <f t="shared" si="24"/>
        <v>56.7</v>
      </c>
      <c r="I165" s="50">
        <f t="shared" si="24"/>
        <v>55.3</v>
      </c>
      <c r="J165" s="50">
        <f t="shared" si="24"/>
        <v>55.4</v>
      </c>
      <c r="K165" s="50">
        <f t="shared" si="24"/>
        <v>55.4</v>
      </c>
      <c r="L165" s="50">
        <f t="shared" si="24"/>
        <v>56.1</v>
      </c>
      <c r="M165" s="50">
        <f t="shared" si="24"/>
        <v>55.3</v>
      </c>
      <c r="N165" s="50">
        <f t="shared" si="24"/>
        <v>53.9</v>
      </c>
      <c r="O165" s="50">
        <f t="shared" si="24"/>
        <v>52.8</v>
      </c>
      <c r="P165" s="50">
        <f t="shared" si="24"/>
        <v>52.7</v>
      </c>
      <c r="Q165" s="50">
        <f t="shared" si="24"/>
        <v>52.7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9</v>
      </c>
      <c r="H166" s="51">
        <f t="shared" si="25"/>
        <v>32.299999999999997</v>
      </c>
      <c r="I166" s="51">
        <f t="shared" si="25"/>
        <v>35.799999999999997</v>
      </c>
      <c r="J166" s="51">
        <f t="shared" si="25"/>
        <v>35.200000000000003</v>
      </c>
      <c r="K166" s="51">
        <f t="shared" si="25"/>
        <v>36</v>
      </c>
      <c r="L166" s="51">
        <f t="shared" si="25"/>
        <v>35.6</v>
      </c>
      <c r="M166" s="51">
        <f t="shared" si="25"/>
        <v>35.700000000000003</v>
      </c>
      <c r="N166" s="51">
        <f t="shared" si="25"/>
        <v>37.5</v>
      </c>
      <c r="O166" s="51">
        <f t="shared" si="25"/>
        <v>38</v>
      </c>
      <c r="P166" s="51">
        <f t="shared" si="25"/>
        <v>37.5</v>
      </c>
      <c r="Q166" s="51">
        <f t="shared" si="25"/>
        <v>36.700000000000003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AE89025-2762-4AAE-B0BB-8E2108A221A6}">
  <sheetPr codeName="Sheet80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51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69</v>
      </c>
      <c r="H5" s="8">
        <f t="shared" si="0"/>
        <v>69</v>
      </c>
      <c r="I5" s="8">
        <f t="shared" si="0"/>
        <v>89</v>
      </c>
      <c r="J5" s="8">
        <f t="shared" si="0"/>
        <v>109</v>
      </c>
      <c r="K5" s="8">
        <f t="shared" si="0"/>
        <v>126</v>
      </c>
      <c r="L5" s="8">
        <f t="shared" si="0"/>
        <v>121</v>
      </c>
      <c r="M5" s="8">
        <f t="shared" si="0"/>
        <v>118</v>
      </c>
      <c r="N5" s="8">
        <f t="shared" si="0"/>
        <v>124</v>
      </c>
      <c r="O5" s="8">
        <f t="shared" si="0"/>
        <v>117</v>
      </c>
      <c r="P5" s="8">
        <f t="shared" si="0"/>
        <v>104</v>
      </c>
      <c r="Q5" s="8">
        <f t="shared" si="0"/>
        <v>85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79</v>
      </c>
      <c r="H6" s="8">
        <f t="shared" si="0"/>
        <v>86</v>
      </c>
      <c r="I6" s="8">
        <f t="shared" si="0"/>
        <v>72</v>
      </c>
      <c r="J6" s="8">
        <f t="shared" si="0"/>
        <v>80</v>
      </c>
      <c r="K6" s="8">
        <f t="shared" si="0"/>
        <v>82</v>
      </c>
      <c r="L6" s="8">
        <f t="shared" si="0"/>
        <v>100</v>
      </c>
      <c r="M6" s="8">
        <f t="shared" si="0"/>
        <v>110</v>
      </c>
      <c r="N6" s="8">
        <f t="shared" si="0"/>
        <v>116</v>
      </c>
      <c r="O6" s="8">
        <f t="shared" si="0"/>
        <v>121</v>
      </c>
      <c r="P6" s="8">
        <f t="shared" si="0"/>
        <v>130</v>
      </c>
      <c r="Q6" s="8">
        <f t="shared" si="0"/>
        <v>128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129</v>
      </c>
      <c r="H7" s="8">
        <f t="shared" si="0"/>
        <v>83</v>
      </c>
      <c r="I7" s="8">
        <f t="shared" si="0"/>
        <v>90</v>
      </c>
      <c r="J7" s="8">
        <f t="shared" si="0"/>
        <v>87</v>
      </c>
      <c r="K7" s="8">
        <f t="shared" si="0"/>
        <v>74</v>
      </c>
      <c r="L7" s="8">
        <f t="shared" si="0"/>
        <v>69</v>
      </c>
      <c r="M7" s="8">
        <f t="shared" si="0"/>
        <v>64</v>
      </c>
      <c r="N7" s="8">
        <f t="shared" si="0"/>
        <v>70</v>
      </c>
      <c r="O7" s="8">
        <f t="shared" si="0"/>
        <v>77</v>
      </c>
      <c r="P7" s="8">
        <f t="shared" si="0"/>
        <v>82</v>
      </c>
      <c r="Q7" s="8">
        <f t="shared" si="0"/>
        <v>98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45</v>
      </c>
      <c r="H8" s="11">
        <f t="shared" si="0"/>
        <v>120</v>
      </c>
      <c r="I8" s="11">
        <f t="shared" si="0"/>
        <v>82</v>
      </c>
      <c r="J8" s="11">
        <f t="shared" si="0"/>
        <v>88</v>
      </c>
      <c r="K8" s="11">
        <f t="shared" si="0"/>
        <v>90</v>
      </c>
      <c r="L8" s="11">
        <f t="shared" si="0"/>
        <v>95</v>
      </c>
      <c r="M8" s="11">
        <f t="shared" si="0"/>
        <v>92</v>
      </c>
      <c r="N8" s="11">
        <f t="shared" si="0"/>
        <v>85</v>
      </c>
      <c r="O8" s="11">
        <f t="shared" si="0"/>
        <v>75</v>
      </c>
      <c r="P8" s="11">
        <f t="shared" si="0"/>
        <v>70</v>
      </c>
      <c r="Q8" s="11">
        <f t="shared" si="0"/>
        <v>66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45</v>
      </c>
      <c r="H9" s="11">
        <f t="shared" si="0"/>
        <v>135</v>
      </c>
      <c r="I9" s="11">
        <f t="shared" si="0"/>
        <v>113</v>
      </c>
      <c r="J9" s="11">
        <f t="shared" si="0"/>
        <v>105</v>
      </c>
      <c r="K9" s="11">
        <f t="shared" si="0"/>
        <v>109</v>
      </c>
      <c r="L9" s="11">
        <f t="shared" si="0"/>
        <v>104</v>
      </c>
      <c r="M9" s="11">
        <f t="shared" si="0"/>
        <v>93</v>
      </c>
      <c r="N9" s="11">
        <f t="shared" si="0"/>
        <v>87</v>
      </c>
      <c r="O9" s="11">
        <f t="shared" si="0"/>
        <v>81</v>
      </c>
      <c r="P9" s="11">
        <f t="shared" si="0"/>
        <v>79</v>
      </c>
      <c r="Q9" s="11">
        <f t="shared" si="0"/>
        <v>86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127</v>
      </c>
      <c r="H10" s="11">
        <f t="shared" si="0"/>
        <v>118</v>
      </c>
      <c r="I10" s="11">
        <f t="shared" si="0"/>
        <v>117</v>
      </c>
      <c r="J10" s="11">
        <f t="shared" si="0"/>
        <v>128</v>
      </c>
      <c r="K10" s="11">
        <f t="shared" si="0"/>
        <v>128</v>
      </c>
      <c r="L10" s="11">
        <f t="shared" si="0"/>
        <v>118</v>
      </c>
      <c r="M10" s="11">
        <f t="shared" si="0"/>
        <v>116</v>
      </c>
      <c r="N10" s="11">
        <f t="shared" si="0"/>
        <v>112</v>
      </c>
      <c r="O10" s="11">
        <f t="shared" si="0"/>
        <v>101</v>
      </c>
      <c r="P10" s="11">
        <f t="shared" si="0"/>
        <v>95</v>
      </c>
      <c r="Q10" s="11">
        <f t="shared" si="0"/>
        <v>77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16</v>
      </c>
      <c r="H11" s="11">
        <f t="shared" si="0"/>
        <v>125</v>
      </c>
      <c r="I11" s="11">
        <f t="shared" si="0"/>
        <v>124</v>
      </c>
      <c r="J11" s="11">
        <f t="shared" si="0"/>
        <v>151</v>
      </c>
      <c r="K11" s="11">
        <f t="shared" si="0"/>
        <v>142</v>
      </c>
      <c r="L11" s="11">
        <f t="shared" si="0"/>
        <v>150</v>
      </c>
      <c r="M11" s="11">
        <f t="shared" si="0"/>
        <v>145</v>
      </c>
      <c r="N11" s="11">
        <f t="shared" si="0"/>
        <v>134</v>
      </c>
      <c r="O11" s="11">
        <f t="shared" si="0"/>
        <v>125</v>
      </c>
      <c r="P11" s="11">
        <f t="shared" si="0"/>
        <v>126</v>
      </c>
      <c r="Q11" s="11">
        <f t="shared" si="0"/>
        <v>117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08</v>
      </c>
      <c r="H12" s="11">
        <f t="shared" si="0"/>
        <v>124</v>
      </c>
      <c r="I12" s="11">
        <f t="shared" si="0"/>
        <v>132</v>
      </c>
      <c r="J12" s="11">
        <f t="shared" si="0"/>
        <v>129</v>
      </c>
      <c r="K12" s="11">
        <f t="shared" si="0"/>
        <v>137</v>
      </c>
      <c r="L12" s="11">
        <f t="shared" si="0"/>
        <v>141</v>
      </c>
      <c r="M12" s="11">
        <f t="shared" si="0"/>
        <v>141</v>
      </c>
      <c r="N12" s="11">
        <f t="shared" si="0"/>
        <v>142</v>
      </c>
      <c r="O12" s="11">
        <f t="shared" si="0"/>
        <v>153</v>
      </c>
      <c r="P12" s="11">
        <f t="shared" si="0"/>
        <v>148</v>
      </c>
      <c r="Q12" s="11">
        <f t="shared" si="0"/>
        <v>149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42</v>
      </c>
      <c r="H13" s="11">
        <f t="shared" si="0"/>
        <v>104</v>
      </c>
      <c r="I13" s="11">
        <f t="shared" si="0"/>
        <v>134</v>
      </c>
      <c r="J13" s="11">
        <f t="shared" si="0"/>
        <v>135</v>
      </c>
      <c r="K13" s="11">
        <f t="shared" si="0"/>
        <v>141</v>
      </c>
      <c r="L13" s="11">
        <f t="shared" si="0"/>
        <v>129</v>
      </c>
      <c r="M13" s="11">
        <f t="shared" si="0"/>
        <v>133</v>
      </c>
      <c r="N13" s="11">
        <f t="shared" si="0"/>
        <v>137</v>
      </c>
      <c r="O13" s="11">
        <f t="shared" si="0"/>
        <v>125</v>
      </c>
      <c r="P13" s="11">
        <f t="shared" si="0"/>
        <v>136</v>
      </c>
      <c r="Q13" s="11">
        <f t="shared" si="0"/>
        <v>137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78</v>
      </c>
      <c r="H14" s="11">
        <f t="shared" si="0"/>
        <v>142</v>
      </c>
      <c r="I14" s="11">
        <f t="shared" si="0"/>
        <v>104</v>
      </c>
      <c r="J14" s="11">
        <f t="shared" si="0"/>
        <v>132</v>
      </c>
      <c r="K14" s="11">
        <f t="shared" si="0"/>
        <v>126</v>
      </c>
      <c r="L14" s="11">
        <f t="shared" si="0"/>
        <v>126</v>
      </c>
      <c r="M14" s="11">
        <f t="shared" si="0"/>
        <v>135</v>
      </c>
      <c r="N14" s="11">
        <f t="shared" si="0"/>
        <v>137</v>
      </c>
      <c r="O14" s="11">
        <f t="shared" si="0"/>
        <v>133</v>
      </c>
      <c r="P14" s="11">
        <f t="shared" si="0"/>
        <v>144</v>
      </c>
      <c r="Q14" s="11">
        <f t="shared" si="0"/>
        <v>128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78</v>
      </c>
      <c r="H15" s="11">
        <f t="shared" si="0"/>
        <v>180</v>
      </c>
      <c r="I15" s="11">
        <f t="shared" si="0"/>
        <v>141</v>
      </c>
      <c r="J15" s="11">
        <f t="shared" si="0"/>
        <v>122</v>
      </c>
      <c r="K15" s="11">
        <f t="shared" si="0"/>
        <v>116</v>
      </c>
      <c r="L15" s="11">
        <f t="shared" si="0"/>
        <v>123</v>
      </c>
      <c r="M15" s="11">
        <f t="shared" si="0"/>
        <v>120</v>
      </c>
      <c r="N15" s="11">
        <f t="shared" si="0"/>
        <v>104</v>
      </c>
      <c r="O15" s="11">
        <f t="shared" si="0"/>
        <v>129</v>
      </c>
      <c r="P15" s="11">
        <f t="shared" si="0"/>
        <v>123</v>
      </c>
      <c r="Q15" s="11">
        <f t="shared" si="0"/>
        <v>127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212</v>
      </c>
      <c r="H16" s="11">
        <f t="shared" si="0"/>
        <v>170</v>
      </c>
      <c r="I16" s="11">
        <f t="shared" si="0"/>
        <v>178</v>
      </c>
      <c r="J16" s="11">
        <f t="shared" si="0"/>
        <v>171</v>
      </c>
      <c r="K16" s="11">
        <f t="shared" si="0"/>
        <v>169</v>
      </c>
      <c r="L16" s="11">
        <f t="shared" si="0"/>
        <v>151</v>
      </c>
      <c r="M16" s="11">
        <f t="shared" si="0"/>
        <v>135</v>
      </c>
      <c r="N16" s="11">
        <f t="shared" si="0"/>
        <v>137</v>
      </c>
      <c r="O16" s="11">
        <f t="shared" si="0"/>
        <v>118</v>
      </c>
      <c r="P16" s="11">
        <f t="shared" si="0"/>
        <v>113</v>
      </c>
      <c r="Q16" s="11">
        <f t="shared" si="0"/>
        <v>118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47</v>
      </c>
      <c r="H17" s="11">
        <f t="shared" si="0"/>
        <v>198</v>
      </c>
      <c r="I17" s="11">
        <f t="shared" si="0"/>
        <v>172</v>
      </c>
      <c r="J17" s="11">
        <f t="shared" si="0"/>
        <v>166</v>
      </c>
      <c r="K17" s="11">
        <f t="shared" si="0"/>
        <v>158</v>
      </c>
      <c r="L17" s="11">
        <f t="shared" si="0"/>
        <v>164</v>
      </c>
      <c r="M17" s="11">
        <f t="shared" si="0"/>
        <v>172</v>
      </c>
      <c r="N17" s="11">
        <f t="shared" si="0"/>
        <v>177</v>
      </c>
      <c r="O17" s="11">
        <f t="shared" si="0"/>
        <v>169</v>
      </c>
      <c r="P17" s="11">
        <f t="shared" si="0"/>
        <v>163</v>
      </c>
      <c r="Q17" s="11">
        <f t="shared" si="0"/>
        <v>148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33</v>
      </c>
      <c r="H18" s="14">
        <f t="shared" si="0"/>
        <v>146</v>
      </c>
      <c r="I18" s="14">
        <f t="shared" si="0"/>
        <v>200</v>
      </c>
      <c r="J18" s="14">
        <f t="shared" si="0"/>
        <v>226</v>
      </c>
      <c r="K18" s="14">
        <f t="shared" si="0"/>
        <v>222</v>
      </c>
      <c r="L18" s="14">
        <f t="shared" si="0"/>
        <v>196</v>
      </c>
      <c r="M18" s="14">
        <f t="shared" si="0"/>
        <v>180</v>
      </c>
      <c r="N18" s="14">
        <f t="shared" si="0"/>
        <v>170</v>
      </c>
      <c r="O18" s="14">
        <f t="shared" si="0"/>
        <v>161</v>
      </c>
      <c r="P18" s="14">
        <f t="shared" si="0"/>
        <v>159</v>
      </c>
      <c r="Q18" s="14">
        <f t="shared" si="0"/>
        <v>161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24</v>
      </c>
      <c r="H19" s="14">
        <f t="shared" si="0"/>
        <v>126</v>
      </c>
      <c r="I19" s="14">
        <f t="shared" si="0"/>
        <v>138</v>
      </c>
      <c r="J19" s="14">
        <f t="shared" si="0"/>
        <v>127</v>
      </c>
      <c r="K19" s="14">
        <f t="shared" si="0"/>
        <v>136</v>
      </c>
      <c r="L19" s="14">
        <f t="shared" si="0"/>
        <v>164</v>
      </c>
      <c r="M19" s="14">
        <f t="shared" si="0"/>
        <v>175</v>
      </c>
      <c r="N19" s="14">
        <f t="shared" si="0"/>
        <v>192</v>
      </c>
      <c r="O19" s="14">
        <f t="shared" si="0"/>
        <v>220</v>
      </c>
      <c r="P19" s="14">
        <f t="shared" si="0"/>
        <v>220</v>
      </c>
      <c r="Q19" s="14">
        <f t="shared" si="0"/>
        <v>186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22</v>
      </c>
      <c r="H20" s="14">
        <f t="shared" si="0"/>
        <v>115</v>
      </c>
      <c r="I20" s="14">
        <f t="shared" si="0"/>
        <v>111</v>
      </c>
      <c r="J20" s="14">
        <f t="shared" si="0"/>
        <v>115</v>
      </c>
      <c r="K20" s="14">
        <f t="shared" si="0"/>
        <v>119</v>
      </c>
      <c r="L20" s="14">
        <f t="shared" si="0"/>
        <v>126</v>
      </c>
      <c r="M20" s="14">
        <f t="shared" si="0"/>
        <v>133</v>
      </c>
      <c r="N20" s="14">
        <f t="shared" si="0"/>
        <v>124</v>
      </c>
      <c r="O20" s="14">
        <f t="shared" si="0"/>
        <v>112</v>
      </c>
      <c r="P20" s="14">
        <f t="shared" si="0"/>
        <v>123</v>
      </c>
      <c r="Q20" s="14">
        <f t="shared" si="0"/>
        <v>155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62</v>
      </c>
      <c r="H21" s="14">
        <f t="shared" si="1"/>
        <v>99</v>
      </c>
      <c r="I21" s="14">
        <f t="shared" si="1"/>
        <v>92</v>
      </c>
      <c r="J21" s="14">
        <f t="shared" si="1"/>
        <v>88</v>
      </c>
      <c r="K21" s="14">
        <f t="shared" si="1"/>
        <v>93</v>
      </c>
      <c r="L21" s="14">
        <f t="shared" si="1"/>
        <v>93</v>
      </c>
      <c r="M21" s="14">
        <f t="shared" si="1"/>
        <v>85</v>
      </c>
      <c r="N21" s="14">
        <f t="shared" si="1"/>
        <v>100</v>
      </c>
      <c r="O21" s="14">
        <f t="shared" si="1"/>
        <v>106</v>
      </c>
      <c r="P21" s="14">
        <f t="shared" si="1"/>
        <v>99</v>
      </c>
      <c r="Q21" s="14">
        <f t="shared" si="1"/>
        <v>112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37</v>
      </c>
      <c r="H22" s="14">
        <f t="shared" si="1"/>
        <v>44</v>
      </c>
      <c r="I22" s="14">
        <f t="shared" si="1"/>
        <v>77</v>
      </c>
      <c r="J22" s="14">
        <f t="shared" si="1"/>
        <v>78</v>
      </c>
      <c r="K22" s="14">
        <f t="shared" si="1"/>
        <v>74</v>
      </c>
      <c r="L22" s="14">
        <f t="shared" si="1"/>
        <v>75</v>
      </c>
      <c r="M22" s="14">
        <f t="shared" si="1"/>
        <v>77</v>
      </c>
      <c r="N22" s="14">
        <f t="shared" si="1"/>
        <v>64</v>
      </c>
      <c r="O22" s="14">
        <f t="shared" si="1"/>
        <v>62</v>
      </c>
      <c r="P22" s="14">
        <f t="shared" si="1"/>
        <v>68</v>
      </c>
      <c r="Q22" s="14">
        <f t="shared" si="1"/>
        <v>63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20</v>
      </c>
      <c r="H23" s="14">
        <f t="shared" si="1"/>
        <v>20</v>
      </c>
      <c r="I23" s="14">
        <f t="shared" si="1"/>
        <v>26</v>
      </c>
      <c r="J23" s="14">
        <f t="shared" si="1"/>
        <v>32</v>
      </c>
      <c r="K23" s="14">
        <f t="shared" si="1"/>
        <v>35</v>
      </c>
      <c r="L23" s="14">
        <f t="shared" si="1"/>
        <v>40</v>
      </c>
      <c r="M23" s="14">
        <f t="shared" si="1"/>
        <v>47</v>
      </c>
      <c r="N23" s="14">
        <f t="shared" si="1"/>
        <v>49</v>
      </c>
      <c r="O23" s="14">
        <f t="shared" si="1"/>
        <v>50</v>
      </c>
      <c r="P23" s="14">
        <f t="shared" si="1"/>
        <v>46</v>
      </c>
      <c r="Q23" s="14">
        <f t="shared" si="1"/>
        <v>43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5</v>
      </c>
      <c r="H24" s="14">
        <f t="shared" si="1"/>
        <v>8</v>
      </c>
      <c r="I24" s="14">
        <f t="shared" si="1"/>
        <v>5</v>
      </c>
      <c r="J24" s="14">
        <f t="shared" si="1"/>
        <v>4</v>
      </c>
      <c r="K24" s="14">
        <f t="shared" si="1"/>
        <v>5</v>
      </c>
      <c r="L24" s="14">
        <f t="shared" si="1"/>
        <v>5</v>
      </c>
      <c r="M24" s="14">
        <f t="shared" si="1"/>
        <v>6</v>
      </c>
      <c r="N24" s="14">
        <f t="shared" si="1"/>
        <v>9</v>
      </c>
      <c r="O24" s="14">
        <f t="shared" si="1"/>
        <v>12</v>
      </c>
      <c r="P24" s="14">
        <f t="shared" si="1"/>
        <v>13</v>
      </c>
      <c r="Q24" s="14">
        <f t="shared" si="1"/>
        <v>16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1</v>
      </c>
      <c r="I25" s="14">
        <f t="shared" si="1"/>
        <v>1</v>
      </c>
      <c r="J25" s="14">
        <f t="shared" si="1"/>
        <v>1</v>
      </c>
      <c r="K25" s="14">
        <f t="shared" si="1"/>
        <v>1</v>
      </c>
      <c r="L25" s="14">
        <f t="shared" si="1"/>
        <v>1</v>
      </c>
      <c r="M25" s="14">
        <f t="shared" si="1"/>
        <v>1</v>
      </c>
      <c r="N25" s="14">
        <f t="shared" si="1"/>
        <v>3</v>
      </c>
      <c r="O25" s="14">
        <f t="shared" si="1"/>
        <v>2</v>
      </c>
      <c r="P25" s="14">
        <f t="shared" si="1"/>
        <v>2</v>
      </c>
      <c r="Q25" s="14">
        <f t="shared" si="1"/>
        <v>2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2278</v>
      </c>
      <c r="H26" s="17">
        <f>SUM(H5:H25)</f>
        <v>2213</v>
      </c>
      <c r="I26" s="17">
        <f t="shared" ref="I26:N26" si="2">SUM(I5:I25)</f>
        <v>2198</v>
      </c>
      <c r="J26" s="17">
        <f t="shared" si="2"/>
        <v>2274</v>
      </c>
      <c r="K26" s="17">
        <f t="shared" si="2"/>
        <v>2283</v>
      </c>
      <c r="L26" s="17">
        <f t="shared" si="2"/>
        <v>2291</v>
      </c>
      <c r="M26" s="17">
        <f t="shared" si="2"/>
        <v>2278</v>
      </c>
      <c r="N26" s="17">
        <f t="shared" si="2"/>
        <v>2273</v>
      </c>
      <c r="O26" s="17">
        <f>SUM(O5:O25)</f>
        <v>2249</v>
      </c>
      <c r="P26" s="17">
        <f>SUM(P5:P25)</f>
        <v>2243</v>
      </c>
      <c r="Q26" s="17">
        <f>SUM(Q5:Q25)</f>
        <v>2202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277</v>
      </c>
      <c r="H31" s="21">
        <f t="shared" si="3"/>
        <v>238</v>
      </c>
      <c r="I31" s="21">
        <f t="shared" si="3"/>
        <v>251</v>
      </c>
      <c r="J31" s="21">
        <f t="shared" si="3"/>
        <v>276</v>
      </c>
      <c r="K31" s="21">
        <f t="shared" si="3"/>
        <v>282</v>
      </c>
      <c r="L31" s="21">
        <f t="shared" si="3"/>
        <v>290</v>
      </c>
      <c r="M31" s="21">
        <f t="shared" si="3"/>
        <v>292</v>
      </c>
      <c r="N31" s="21">
        <f t="shared" si="3"/>
        <v>310</v>
      </c>
      <c r="O31" s="21">
        <f t="shared" si="3"/>
        <v>315</v>
      </c>
      <c r="P31" s="21">
        <f t="shared" si="3"/>
        <v>316</v>
      </c>
      <c r="Q31" s="21">
        <f t="shared" si="3"/>
        <v>311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498</v>
      </c>
      <c r="H32" s="22">
        <f t="shared" si="4"/>
        <v>1416</v>
      </c>
      <c r="I32" s="22">
        <f t="shared" si="4"/>
        <v>1297</v>
      </c>
      <c r="J32" s="22">
        <f t="shared" si="4"/>
        <v>1327</v>
      </c>
      <c r="K32" s="22">
        <f t="shared" si="4"/>
        <v>1316</v>
      </c>
      <c r="L32" s="22">
        <f t="shared" si="4"/>
        <v>1301</v>
      </c>
      <c r="M32" s="22">
        <f t="shared" si="4"/>
        <v>1282</v>
      </c>
      <c r="N32" s="22">
        <f t="shared" si="4"/>
        <v>1252</v>
      </c>
      <c r="O32" s="22">
        <f t="shared" si="4"/>
        <v>1209</v>
      </c>
      <c r="P32" s="22">
        <f t="shared" si="4"/>
        <v>1197</v>
      </c>
      <c r="Q32" s="22">
        <f t="shared" si="4"/>
        <v>1153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503</v>
      </c>
      <c r="H33" s="23">
        <f t="shared" si="5"/>
        <v>559</v>
      </c>
      <c r="I33" s="23">
        <f t="shared" si="5"/>
        <v>650</v>
      </c>
      <c r="J33" s="23">
        <f t="shared" si="5"/>
        <v>671</v>
      </c>
      <c r="K33" s="23">
        <f t="shared" si="5"/>
        <v>685</v>
      </c>
      <c r="L33" s="23">
        <f t="shared" si="5"/>
        <v>700</v>
      </c>
      <c r="M33" s="23">
        <f t="shared" si="5"/>
        <v>704</v>
      </c>
      <c r="N33" s="23">
        <f t="shared" si="5"/>
        <v>711</v>
      </c>
      <c r="O33" s="23">
        <f t="shared" si="5"/>
        <v>725</v>
      </c>
      <c r="P33" s="23">
        <f t="shared" si="5"/>
        <v>730</v>
      </c>
      <c r="Q33" s="23">
        <f t="shared" si="5"/>
        <v>738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2278</v>
      </c>
      <c r="H34" s="24">
        <f>SUM(H31:H33)</f>
        <v>2213</v>
      </c>
      <c r="I34" s="24">
        <f t="shared" ref="I34:N34" si="6">SUM(I31:I33)</f>
        <v>2198</v>
      </c>
      <c r="J34" s="24">
        <f t="shared" si="6"/>
        <v>2274</v>
      </c>
      <c r="K34" s="24">
        <f t="shared" si="6"/>
        <v>2283</v>
      </c>
      <c r="L34" s="24">
        <f t="shared" si="6"/>
        <v>2291</v>
      </c>
      <c r="M34" s="24">
        <f t="shared" si="6"/>
        <v>2278</v>
      </c>
      <c r="N34" s="24">
        <f t="shared" si="6"/>
        <v>2273</v>
      </c>
      <c r="O34" s="24">
        <f>SUM(O31:O33)</f>
        <v>2249</v>
      </c>
      <c r="P34" s="24">
        <f>SUM(P31:P33)</f>
        <v>2243</v>
      </c>
      <c r="Q34" s="24">
        <f>SUM(Q31:Q33)</f>
        <v>2202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2.2</v>
      </c>
      <c r="H39" s="33">
        <f t="shared" si="7"/>
        <v>10.8</v>
      </c>
      <c r="I39" s="33">
        <f t="shared" si="7"/>
        <v>11.4</v>
      </c>
      <c r="J39" s="33">
        <f t="shared" si="7"/>
        <v>12.1</v>
      </c>
      <c r="K39" s="33">
        <f t="shared" si="7"/>
        <v>12.4</v>
      </c>
      <c r="L39" s="33">
        <f t="shared" si="7"/>
        <v>12.7</v>
      </c>
      <c r="M39" s="33">
        <f t="shared" si="7"/>
        <v>12.8</v>
      </c>
      <c r="N39" s="33">
        <f t="shared" si="7"/>
        <v>13.6</v>
      </c>
      <c r="O39" s="33">
        <f t="shared" si="7"/>
        <v>14</v>
      </c>
      <c r="P39" s="33">
        <f t="shared" si="7"/>
        <v>14.1</v>
      </c>
      <c r="Q39" s="33">
        <f t="shared" si="7"/>
        <v>14.1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5.8</v>
      </c>
      <c r="H40" s="35">
        <f t="shared" si="8"/>
        <v>64</v>
      </c>
      <c r="I40" s="35">
        <f t="shared" si="8"/>
        <v>59</v>
      </c>
      <c r="J40" s="35">
        <f t="shared" si="8"/>
        <v>58.4</v>
      </c>
      <c r="K40" s="35">
        <f t="shared" si="8"/>
        <v>57.6</v>
      </c>
      <c r="L40" s="35">
        <f t="shared" si="8"/>
        <v>56.8</v>
      </c>
      <c r="M40" s="35">
        <f t="shared" si="8"/>
        <v>56.3</v>
      </c>
      <c r="N40" s="35">
        <f t="shared" si="8"/>
        <v>55.1</v>
      </c>
      <c r="O40" s="35">
        <f t="shared" si="8"/>
        <v>53.8</v>
      </c>
      <c r="P40" s="35">
        <f t="shared" si="8"/>
        <v>53.4</v>
      </c>
      <c r="Q40" s="35">
        <f t="shared" si="8"/>
        <v>52.4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2.1</v>
      </c>
      <c r="H41" s="37">
        <f t="shared" si="9"/>
        <v>25.3</v>
      </c>
      <c r="I41" s="37">
        <f t="shared" si="9"/>
        <v>29.6</v>
      </c>
      <c r="J41" s="37">
        <f t="shared" si="9"/>
        <v>29.5</v>
      </c>
      <c r="K41" s="37">
        <f t="shared" si="9"/>
        <v>30</v>
      </c>
      <c r="L41" s="37">
        <f t="shared" si="9"/>
        <v>30.6</v>
      </c>
      <c r="M41" s="37">
        <f t="shared" si="9"/>
        <v>30.9</v>
      </c>
      <c r="N41" s="37">
        <f t="shared" si="9"/>
        <v>31.3</v>
      </c>
      <c r="O41" s="37">
        <f t="shared" si="9"/>
        <v>32.200000000000003</v>
      </c>
      <c r="P41" s="37">
        <f t="shared" si="9"/>
        <v>32.5</v>
      </c>
      <c r="Q41" s="37">
        <f t="shared" si="9"/>
        <v>33.5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2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33</v>
      </c>
      <c r="H84" s="8">
        <v>35</v>
      </c>
      <c r="I84" s="8">
        <v>42</v>
      </c>
      <c r="J84" s="8">
        <v>57</v>
      </c>
      <c r="K84" s="8">
        <v>64</v>
      </c>
      <c r="L84" s="8">
        <v>66</v>
      </c>
      <c r="M84" s="8">
        <v>61</v>
      </c>
      <c r="N84" s="21">
        <v>63</v>
      </c>
      <c r="O84" s="21">
        <v>53</v>
      </c>
      <c r="P84" s="21">
        <v>45</v>
      </c>
      <c r="Q84" s="21">
        <v>40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28</v>
      </c>
      <c r="H85" s="8">
        <v>37</v>
      </c>
      <c r="I85" s="8">
        <v>38</v>
      </c>
      <c r="J85" s="8">
        <v>41</v>
      </c>
      <c r="K85" s="8">
        <v>42</v>
      </c>
      <c r="L85" s="8">
        <v>48</v>
      </c>
      <c r="M85" s="8">
        <v>57</v>
      </c>
      <c r="N85" s="21">
        <v>62</v>
      </c>
      <c r="O85" s="21">
        <v>65</v>
      </c>
      <c r="P85" s="21">
        <v>69</v>
      </c>
      <c r="Q85" s="21">
        <v>66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67</v>
      </c>
      <c r="H86" s="8">
        <v>30</v>
      </c>
      <c r="I86" s="8">
        <v>42</v>
      </c>
      <c r="J86" s="8">
        <v>42</v>
      </c>
      <c r="K86" s="8">
        <v>37</v>
      </c>
      <c r="L86" s="8">
        <v>35</v>
      </c>
      <c r="M86" s="8">
        <v>32</v>
      </c>
      <c r="N86" s="21">
        <v>37</v>
      </c>
      <c r="O86" s="21">
        <v>39</v>
      </c>
      <c r="P86" s="21">
        <v>42</v>
      </c>
      <c r="Q86" s="21">
        <v>49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77</v>
      </c>
      <c r="H87" s="11">
        <v>62</v>
      </c>
      <c r="I87" s="11">
        <v>31</v>
      </c>
      <c r="J87" s="11">
        <v>35</v>
      </c>
      <c r="K87" s="11">
        <v>38</v>
      </c>
      <c r="L87" s="11">
        <v>45</v>
      </c>
      <c r="M87" s="11">
        <v>42</v>
      </c>
      <c r="N87" s="22">
        <v>40</v>
      </c>
      <c r="O87" s="22">
        <v>34</v>
      </c>
      <c r="P87" s="22">
        <v>34</v>
      </c>
      <c r="Q87" s="22">
        <v>33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73</v>
      </c>
      <c r="H88" s="11">
        <v>73</v>
      </c>
      <c r="I88" s="11">
        <v>62</v>
      </c>
      <c r="J88" s="11">
        <v>57</v>
      </c>
      <c r="K88" s="11">
        <v>57</v>
      </c>
      <c r="L88" s="11">
        <v>50</v>
      </c>
      <c r="M88" s="11">
        <v>43</v>
      </c>
      <c r="N88" s="22">
        <v>39</v>
      </c>
      <c r="O88" s="22">
        <v>35</v>
      </c>
      <c r="P88" s="22">
        <v>35</v>
      </c>
      <c r="Q88" s="22">
        <v>46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75</v>
      </c>
      <c r="H89" s="11">
        <v>66</v>
      </c>
      <c r="I89" s="11">
        <v>64</v>
      </c>
      <c r="J89" s="11">
        <v>72</v>
      </c>
      <c r="K89" s="11">
        <v>72</v>
      </c>
      <c r="L89" s="11">
        <v>63</v>
      </c>
      <c r="M89" s="11">
        <v>61</v>
      </c>
      <c r="N89" s="22">
        <v>64</v>
      </c>
      <c r="O89" s="22">
        <v>54</v>
      </c>
      <c r="P89" s="22">
        <v>49</v>
      </c>
      <c r="Q89" s="22">
        <v>39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64</v>
      </c>
      <c r="H90" s="11">
        <v>75</v>
      </c>
      <c r="I90" s="11">
        <v>69</v>
      </c>
      <c r="J90" s="11">
        <v>79</v>
      </c>
      <c r="K90" s="11">
        <v>71</v>
      </c>
      <c r="L90" s="11">
        <v>76</v>
      </c>
      <c r="M90" s="11">
        <v>75</v>
      </c>
      <c r="N90" s="22">
        <v>70</v>
      </c>
      <c r="O90" s="22">
        <v>67</v>
      </c>
      <c r="P90" s="22">
        <v>68</v>
      </c>
      <c r="Q90" s="22">
        <v>64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48</v>
      </c>
      <c r="H91" s="11">
        <v>69</v>
      </c>
      <c r="I91" s="11">
        <v>77</v>
      </c>
      <c r="J91" s="11">
        <v>84</v>
      </c>
      <c r="K91" s="11">
        <v>85</v>
      </c>
      <c r="L91" s="11">
        <v>78</v>
      </c>
      <c r="M91" s="11">
        <v>75</v>
      </c>
      <c r="N91" s="22">
        <v>76</v>
      </c>
      <c r="O91" s="22">
        <v>80</v>
      </c>
      <c r="P91" s="22">
        <v>74</v>
      </c>
      <c r="Q91" s="22">
        <v>75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63</v>
      </c>
      <c r="H92" s="11">
        <v>47</v>
      </c>
      <c r="I92" s="11">
        <v>73</v>
      </c>
      <c r="J92" s="11">
        <v>70</v>
      </c>
      <c r="K92" s="11">
        <v>75</v>
      </c>
      <c r="L92" s="11">
        <v>72</v>
      </c>
      <c r="M92" s="11">
        <v>78</v>
      </c>
      <c r="N92" s="22">
        <v>80</v>
      </c>
      <c r="O92" s="22">
        <v>79</v>
      </c>
      <c r="P92" s="22">
        <v>82</v>
      </c>
      <c r="Q92" s="22">
        <v>77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96</v>
      </c>
      <c r="H93" s="11">
        <v>62</v>
      </c>
      <c r="I93" s="11">
        <v>48</v>
      </c>
      <c r="J93" s="11">
        <v>57</v>
      </c>
      <c r="K93" s="11">
        <v>58</v>
      </c>
      <c r="L93" s="11">
        <v>64</v>
      </c>
      <c r="M93" s="11">
        <v>71</v>
      </c>
      <c r="N93" s="22">
        <v>72</v>
      </c>
      <c r="O93" s="22">
        <v>70</v>
      </c>
      <c r="P93" s="22">
        <v>76</v>
      </c>
      <c r="Q93" s="22">
        <v>71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83</v>
      </c>
      <c r="H94" s="11">
        <v>96</v>
      </c>
      <c r="I94" s="11">
        <v>60</v>
      </c>
      <c r="J94" s="11">
        <v>59</v>
      </c>
      <c r="K94" s="11">
        <v>54</v>
      </c>
      <c r="L94" s="11">
        <v>54</v>
      </c>
      <c r="M94" s="11">
        <v>55</v>
      </c>
      <c r="N94" s="22">
        <v>49</v>
      </c>
      <c r="O94" s="22">
        <v>58</v>
      </c>
      <c r="P94" s="22">
        <v>58</v>
      </c>
      <c r="Q94" s="22">
        <v>65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113</v>
      </c>
      <c r="H95" s="11">
        <v>79</v>
      </c>
      <c r="I95" s="11">
        <v>92</v>
      </c>
      <c r="J95" s="11">
        <v>82</v>
      </c>
      <c r="K95" s="11">
        <v>80</v>
      </c>
      <c r="L95" s="11">
        <v>69</v>
      </c>
      <c r="M95" s="11">
        <v>54</v>
      </c>
      <c r="N95" s="22">
        <v>59</v>
      </c>
      <c r="O95" s="22">
        <v>58</v>
      </c>
      <c r="P95" s="22">
        <v>53</v>
      </c>
      <c r="Q95" s="22">
        <v>52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81</v>
      </c>
      <c r="H96" s="11">
        <v>105</v>
      </c>
      <c r="I96" s="11">
        <v>78</v>
      </c>
      <c r="J96" s="11">
        <v>80</v>
      </c>
      <c r="K96" s="11">
        <v>75</v>
      </c>
      <c r="L96" s="11">
        <v>83</v>
      </c>
      <c r="M96" s="11">
        <v>92</v>
      </c>
      <c r="N96" s="22">
        <v>93</v>
      </c>
      <c r="O96" s="22">
        <v>81</v>
      </c>
      <c r="P96" s="22">
        <v>76</v>
      </c>
      <c r="Q96" s="22">
        <v>67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56</v>
      </c>
      <c r="H97" s="14">
        <v>78</v>
      </c>
      <c r="I97" s="14">
        <v>105</v>
      </c>
      <c r="J97" s="14">
        <v>113</v>
      </c>
      <c r="K97" s="14">
        <v>114</v>
      </c>
      <c r="L97" s="14">
        <v>95</v>
      </c>
      <c r="M97" s="14">
        <v>81</v>
      </c>
      <c r="N97" s="23">
        <v>74</v>
      </c>
      <c r="O97" s="23">
        <v>77</v>
      </c>
      <c r="P97" s="23">
        <v>74</v>
      </c>
      <c r="Q97" s="23">
        <v>79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52</v>
      </c>
      <c r="H98" s="14">
        <v>52</v>
      </c>
      <c r="I98" s="14">
        <v>72</v>
      </c>
      <c r="J98" s="14">
        <v>70</v>
      </c>
      <c r="K98" s="14">
        <v>67</v>
      </c>
      <c r="L98" s="14">
        <v>78</v>
      </c>
      <c r="M98" s="14">
        <v>91</v>
      </c>
      <c r="N98" s="23">
        <v>101</v>
      </c>
      <c r="O98" s="23">
        <v>108</v>
      </c>
      <c r="P98" s="23">
        <v>111</v>
      </c>
      <c r="Q98" s="23">
        <v>90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56</v>
      </c>
      <c r="H99" s="14">
        <v>46</v>
      </c>
      <c r="I99" s="14">
        <v>44</v>
      </c>
      <c r="J99" s="14">
        <v>47</v>
      </c>
      <c r="K99" s="14">
        <v>54</v>
      </c>
      <c r="L99" s="14">
        <v>64</v>
      </c>
      <c r="M99" s="14">
        <v>67</v>
      </c>
      <c r="N99" s="23">
        <v>64</v>
      </c>
      <c r="O99" s="23">
        <v>60</v>
      </c>
      <c r="P99" s="23">
        <v>59</v>
      </c>
      <c r="Q99" s="23">
        <v>73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20</v>
      </c>
      <c r="H100" s="14">
        <v>44</v>
      </c>
      <c r="I100" s="14">
        <v>33</v>
      </c>
      <c r="J100" s="14">
        <v>29</v>
      </c>
      <c r="K100" s="14">
        <v>34</v>
      </c>
      <c r="L100" s="14">
        <v>37</v>
      </c>
      <c r="M100" s="14">
        <v>35</v>
      </c>
      <c r="N100" s="23">
        <v>38</v>
      </c>
      <c r="O100" s="23">
        <v>41</v>
      </c>
      <c r="P100" s="23">
        <v>42</v>
      </c>
      <c r="Q100" s="23">
        <v>53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0</v>
      </c>
      <c r="H101" s="14">
        <v>12</v>
      </c>
      <c r="I101" s="14">
        <v>33</v>
      </c>
      <c r="J101" s="14">
        <v>32</v>
      </c>
      <c r="K101" s="14">
        <v>27</v>
      </c>
      <c r="L101" s="14">
        <v>22</v>
      </c>
      <c r="M101" s="14">
        <v>23</v>
      </c>
      <c r="N101" s="23">
        <v>15</v>
      </c>
      <c r="O101" s="23">
        <v>16</v>
      </c>
      <c r="P101" s="23">
        <v>23</v>
      </c>
      <c r="Q101" s="23">
        <v>24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4</v>
      </c>
      <c r="H102" s="14">
        <v>6</v>
      </c>
      <c r="I102" s="14">
        <v>6</v>
      </c>
      <c r="J102" s="14">
        <v>8</v>
      </c>
      <c r="K102" s="14">
        <v>11</v>
      </c>
      <c r="L102" s="14">
        <v>12</v>
      </c>
      <c r="M102" s="14">
        <v>12</v>
      </c>
      <c r="N102" s="23">
        <v>16</v>
      </c>
      <c r="O102" s="23">
        <v>14</v>
      </c>
      <c r="P102" s="23">
        <v>9</v>
      </c>
      <c r="Q102" s="23">
        <v>5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1</v>
      </c>
      <c r="H103" s="14">
        <v>1</v>
      </c>
      <c r="I103" s="14">
        <v>0</v>
      </c>
      <c r="J103" s="14">
        <v>0</v>
      </c>
      <c r="K103" s="14">
        <v>0</v>
      </c>
      <c r="L103" s="14">
        <v>0</v>
      </c>
      <c r="M103" s="14">
        <v>0</v>
      </c>
      <c r="N103" s="23">
        <v>1</v>
      </c>
      <c r="O103" s="23">
        <v>2</v>
      </c>
      <c r="P103" s="23">
        <v>4</v>
      </c>
      <c r="Q103" s="23">
        <v>1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100</v>
      </c>
      <c r="H105" s="17">
        <f t="shared" ref="H105:N105" si="10">SUM(H84:H104)</f>
        <v>1075</v>
      </c>
      <c r="I105" s="17">
        <f t="shared" si="10"/>
        <v>1069</v>
      </c>
      <c r="J105" s="17">
        <f t="shared" si="10"/>
        <v>1114</v>
      </c>
      <c r="K105" s="17">
        <f t="shared" si="10"/>
        <v>1115</v>
      </c>
      <c r="L105" s="17">
        <f t="shared" si="10"/>
        <v>1111</v>
      </c>
      <c r="M105" s="17">
        <f t="shared" si="10"/>
        <v>1105</v>
      </c>
      <c r="N105" s="17">
        <f t="shared" si="10"/>
        <v>1113</v>
      </c>
      <c r="O105" s="17">
        <f>SUM(O84:O104)</f>
        <v>1091</v>
      </c>
      <c r="P105" s="17">
        <f>SUM(P84:P104)</f>
        <v>1083</v>
      </c>
      <c r="Q105" s="17">
        <f>SUM(Q84:Q104)</f>
        <v>1069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28</v>
      </c>
      <c r="H110" s="8">
        <f t="shared" si="11"/>
        <v>102</v>
      </c>
      <c r="I110" s="8">
        <f t="shared" si="11"/>
        <v>122</v>
      </c>
      <c r="J110" s="8">
        <f t="shared" si="11"/>
        <v>140</v>
      </c>
      <c r="K110" s="8">
        <f t="shared" si="11"/>
        <v>143</v>
      </c>
      <c r="L110" s="8">
        <f t="shared" si="11"/>
        <v>149</v>
      </c>
      <c r="M110" s="8">
        <f t="shared" si="11"/>
        <v>150</v>
      </c>
      <c r="N110" s="8">
        <f t="shared" si="11"/>
        <v>162</v>
      </c>
      <c r="O110" s="8">
        <f t="shared" si="11"/>
        <v>157</v>
      </c>
      <c r="P110" s="8">
        <f t="shared" si="11"/>
        <v>156</v>
      </c>
      <c r="Q110" s="8">
        <v>155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773</v>
      </c>
      <c r="H111" s="11">
        <f t="shared" si="12"/>
        <v>734</v>
      </c>
      <c r="I111" s="11">
        <f t="shared" si="12"/>
        <v>654</v>
      </c>
      <c r="J111" s="11">
        <f t="shared" si="12"/>
        <v>675</v>
      </c>
      <c r="K111" s="11">
        <f t="shared" si="12"/>
        <v>665</v>
      </c>
      <c r="L111" s="11">
        <f t="shared" si="12"/>
        <v>654</v>
      </c>
      <c r="M111" s="11">
        <f t="shared" si="12"/>
        <v>646</v>
      </c>
      <c r="N111" s="11">
        <f t="shared" si="12"/>
        <v>642</v>
      </c>
      <c r="O111" s="11">
        <f t="shared" si="12"/>
        <v>616</v>
      </c>
      <c r="P111" s="11">
        <f t="shared" si="12"/>
        <v>605</v>
      </c>
      <c r="Q111" s="11">
        <v>589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99</v>
      </c>
      <c r="H112" s="14">
        <f t="shared" si="13"/>
        <v>239</v>
      </c>
      <c r="I112" s="14">
        <f t="shared" si="13"/>
        <v>293</v>
      </c>
      <c r="J112" s="14">
        <f t="shared" si="13"/>
        <v>299</v>
      </c>
      <c r="K112" s="14">
        <f t="shared" si="13"/>
        <v>307</v>
      </c>
      <c r="L112" s="14">
        <f t="shared" si="13"/>
        <v>308</v>
      </c>
      <c r="M112" s="14">
        <f t="shared" si="13"/>
        <v>309</v>
      </c>
      <c r="N112" s="14">
        <f t="shared" si="13"/>
        <v>309</v>
      </c>
      <c r="O112" s="14">
        <f t="shared" si="13"/>
        <v>318</v>
      </c>
      <c r="P112" s="14">
        <f t="shared" si="13"/>
        <v>322</v>
      </c>
      <c r="Q112" s="14">
        <v>325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100</v>
      </c>
      <c r="H113" s="17">
        <f t="shared" ref="H113:N113" si="14">SUM(H110:H112)</f>
        <v>1075</v>
      </c>
      <c r="I113" s="17">
        <f t="shared" si="14"/>
        <v>1069</v>
      </c>
      <c r="J113" s="17">
        <f t="shared" si="14"/>
        <v>1114</v>
      </c>
      <c r="K113" s="17">
        <f t="shared" si="14"/>
        <v>1115</v>
      </c>
      <c r="L113" s="17">
        <f t="shared" si="14"/>
        <v>1111</v>
      </c>
      <c r="M113" s="17">
        <f t="shared" si="14"/>
        <v>1105</v>
      </c>
      <c r="N113" s="17">
        <f t="shared" si="14"/>
        <v>1113</v>
      </c>
      <c r="O113" s="17">
        <f>SUM(O110:O112)</f>
        <v>1091</v>
      </c>
      <c r="P113" s="17">
        <f>SUM(P110:P112)</f>
        <v>1083</v>
      </c>
      <c r="Q113" s="17">
        <f>SUM(Q110:Q112)</f>
        <v>1069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1.6</v>
      </c>
      <c r="H118" s="49">
        <f t="shared" si="15"/>
        <v>9.5</v>
      </c>
      <c r="I118" s="49">
        <f t="shared" si="15"/>
        <v>11.4</v>
      </c>
      <c r="J118" s="49">
        <f t="shared" si="15"/>
        <v>12.6</v>
      </c>
      <c r="K118" s="49">
        <f t="shared" si="15"/>
        <v>12.8</v>
      </c>
      <c r="L118" s="49">
        <f t="shared" si="15"/>
        <v>13.4</v>
      </c>
      <c r="M118" s="49">
        <f t="shared" si="15"/>
        <v>13.6</v>
      </c>
      <c r="N118" s="49">
        <f t="shared" si="15"/>
        <v>14.6</v>
      </c>
      <c r="O118" s="49">
        <f t="shared" si="15"/>
        <v>14.4</v>
      </c>
      <c r="P118" s="49">
        <f t="shared" si="15"/>
        <v>14.4</v>
      </c>
      <c r="Q118" s="49">
        <f t="shared" si="15"/>
        <v>14.5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70.3</v>
      </c>
      <c r="H119" s="50">
        <f t="shared" si="16"/>
        <v>68.3</v>
      </c>
      <c r="I119" s="50">
        <f t="shared" si="16"/>
        <v>61.2</v>
      </c>
      <c r="J119" s="50">
        <f t="shared" si="16"/>
        <v>60.6</v>
      </c>
      <c r="K119" s="50">
        <f t="shared" si="16"/>
        <v>59.6</v>
      </c>
      <c r="L119" s="50">
        <f t="shared" si="16"/>
        <v>58.9</v>
      </c>
      <c r="M119" s="50">
        <f t="shared" si="16"/>
        <v>58.5</v>
      </c>
      <c r="N119" s="50">
        <f t="shared" si="16"/>
        <v>57.7</v>
      </c>
      <c r="O119" s="50">
        <f t="shared" si="16"/>
        <v>56.5</v>
      </c>
      <c r="P119" s="50">
        <f t="shared" si="16"/>
        <v>55.9</v>
      </c>
      <c r="Q119" s="50">
        <f t="shared" si="16"/>
        <v>55.1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8.100000000000001</v>
      </c>
      <c r="H120" s="51">
        <f t="shared" si="17"/>
        <v>22.2</v>
      </c>
      <c r="I120" s="51">
        <f t="shared" si="17"/>
        <v>27.4</v>
      </c>
      <c r="J120" s="51">
        <f t="shared" si="17"/>
        <v>26.8</v>
      </c>
      <c r="K120" s="51">
        <f t="shared" si="17"/>
        <v>27.5</v>
      </c>
      <c r="L120" s="51">
        <f t="shared" si="17"/>
        <v>27.7</v>
      </c>
      <c r="M120" s="51">
        <f t="shared" si="17"/>
        <v>28</v>
      </c>
      <c r="N120" s="51">
        <f t="shared" si="17"/>
        <v>27.8</v>
      </c>
      <c r="O120" s="51">
        <f t="shared" si="17"/>
        <v>29.1</v>
      </c>
      <c r="P120" s="51">
        <f t="shared" si="17"/>
        <v>29.7</v>
      </c>
      <c r="Q120" s="51">
        <f t="shared" si="17"/>
        <v>30.4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36</v>
      </c>
      <c r="H130" s="8">
        <v>34</v>
      </c>
      <c r="I130" s="8">
        <v>47</v>
      </c>
      <c r="J130" s="8">
        <v>52</v>
      </c>
      <c r="K130" s="8">
        <v>62</v>
      </c>
      <c r="L130" s="8">
        <v>55</v>
      </c>
      <c r="M130" s="8">
        <v>57</v>
      </c>
      <c r="N130" s="21">
        <v>61</v>
      </c>
      <c r="O130" s="21">
        <v>64</v>
      </c>
      <c r="P130" s="21">
        <v>59</v>
      </c>
      <c r="Q130" s="21">
        <v>45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51</v>
      </c>
      <c r="H131" s="8">
        <v>49</v>
      </c>
      <c r="I131" s="8">
        <v>34</v>
      </c>
      <c r="J131" s="8">
        <v>39</v>
      </c>
      <c r="K131" s="8">
        <v>40</v>
      </c>
      <c r="L131" s="8">
        <v>52</v>
      </c>
      <c r="M131" s="8">
        <v>53</v>
      </c>
      <c r="N131" s="21">
        <v>54</v>
      </c>
      <c r="O131" s="21">
        <v>56</v>
      </c>
      <c r="P131" s="21">
        <v>61</v>
      </c>
      <c r="Q131" s="21">
        <v>62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62</v>
      </c>
      <c r="H132" s="8">
        <v>53</v>
      </c>
      <c r="I132" s="8">
        <v>48</v>
      </c>
      <c r="J132" s="8">
        <v>45</v>
      </c>
      <c r="K132" s="8">
        <v>37</v>
      </c>
      <c r="L132" s="8">
        <v>34</v>
      </c>
      <c r="M132" s="8">
        <v>32</v>
      </c>
      <c r="N132" s="21">
        <v>33</v>
      </c>
      <c r="O132" s="21">
        <v>38</v>
      </c>
      <c r="P132" s="21">
        <v>40</v>
      </c>
      <c r="Q132" s="21">
        <v>49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68</v>
      </c>
      <c r="H133" s="11">
        <v>58</v>
      </c>
      <c r="I133" s="11">
        <v>51</v>
      </c>
      <c r="J133" s="11">
        <v>53</v>
      </c>
      <c r="K133" s="11">
        <v>52</v>
      </c>
      <c r="L133" s="11">
        <v>50</v>
      </c>
      <c r="M133" s="11">
        <v>50</v>
      </c>
      <c r="N133" s="22">
        <v>45</v>
      </c>
      <c r="O133" s="22">
        <v>41</v>
      </c>
      <c r="P133" s="22">
        <v>36</v>
      </c>
      <c r="Q133" s="22">
        <v>33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72</v>
      </c>
      <c r="H134" s="11">
        <v>62</v>
      </c>
      <c r="I134" s="11">
        <v>51</v>
      </c>
      <c r="J134" s="11">
        <v>48</v>
      </c>
      <c r="K134" s="11">
        <v>52</v>
      </c>
      <c r="L134" s="11">
        <v>54</v>
      </c>
      <c r="M134" s="11">
        <v>50</v>
      </c>
      <c r="N134" s="22">
        <v>48</v>
      </c>
      <c r="O134" s="22">
        <v>46</v>
      </c>
      <c r="P134" s="22">
        <v>44</v>
      </c>
      <c r="Q134" s="22">
        <v>40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52</v>
      </c>
      <c r="H135" s="11">
        <v>52</v>
      </c>
      <c r="I135" s="11">
        <v>53</v>
      </c>
      <c r="J135" s="11">
        <v>56</v>
      </c>
      <c r="K135" s="11">
        <v>56</v>
      </c>
      <c r="L135" s="11">
        <v>55</v>
      </c>
      <c r="M135" s="11">
        <v>55</v>
      </c>
      <c r="N135" s="22">
        <v>48</v>
      </c>
      <c r="O135" s="22">
        <v>47</v>
      </c>
      <c r="P135" s="22">
        <v>46</v>
      </c>
      <c r="Q135" s="22">
        <v>38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52</v>
      </c>
      <c r="H136" s="11">
        <v>50</v>
      </c>
      <c r="I136" s="11">
        <v>55</v>
      </c>
      <c r="J136" s="11">
        <v>72</v>
      </c>
      <c r="K136" s="11">
        <v>71</v>
      </c>
      <c r="L136" s="11">
        <v>74</v>
      </c>
      <c r="M136" s="11">
        <v>70</v>
      </c>
      <c r="N136" s="22">
        <v>64</v>
      </c>
      <c r="O136" s="22">
        <v>58</v>
      </c>
      <c r="P136" s="22">
        <v>58</v>
      </c>
      <c r="Q136" s="22">
        <v>53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60</v>
      </c>
      <c r="H137" s="11">
        <v>55</v>
      </c>
      <c r="I137" s="11">
        <v>55</v>
      </c>
      <c r="J137" s="11">
        <v>45</v>
      </c>
      <c r="K137" s="11">
        <v>52</v>
      </c>
      <c r="L137" s="11">
        <v>63</v>
      </c>
      <c r="M137" s="11">
        <v>66</v>
      </c>
      <c r="N137" s="22">
        <v>66</v>
      </c>
      <c r="O137" s="22">
        <v>73</v>
      </c>
      <c r="P137" s="22">
        <v>74</v>
      </c>
      <c r="Q137" s="22">
        <v>74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79</v>
      </c>
      <c r="H138" s="11">
        <v>57</v>
      </c>
      <c r="I138" s="11">
        <v>61</v>
      </c>
      <c r="J138" s="11">
        <v>65</v>
      </c>
      <c r="K138" s="11">
        <v>66</v>
      </c>
      <c r="L138" s="11">
        <v>57</v>
      </c>
      <c r="M138" s="11">
        <v>55</v>
      </c>
      <c r="N138" s="22">
        <v>57</v>
      </c>
      <c r="O138" s="22">
        <v>46</v>
      </c>
      <c r="P138" s="22">
        <v>54</v>
      </c>
      <c r="Q138" s="22">
        <v>60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82</v>
      </c>
      <c r="H139" s="11">
        <v>80</v>
      </c>
      <c r="I139" s="11">
        <v>56</v>
      </c>
      <c r="J139" s="11">
        <v>75</v>
      </c>
      <c r="K139" s="11">
        <v>68</v>
      </c>
      <c r="L139" s="11">
        <v>62</v>
      </c>
      <c r="M139" s="11">
        <v>64</v>
      </c>
      <c r="N139" s="22">
        <v>65</v>
      </c>
      <c r="O139" s="22">
        <v>63</v>
      </c>
      <c r="P139" s="22">
        <v>68</v>
      </c>
      <c r="Q139" s="22">
        <v>57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95</v>
      </c>
      <c r="H140" s="11">
        <v>84</v>
      </c>
      <c r="I140" s="11">
        <v>81</v>
      </c>
      <c r="J140" s="11">
        <v>63</v>
      </c>
      <c r="K140" s="11">
        <v>62</v>
      </c>
      <c r="L140" s="11">
        <v>69</v>
      </c>
      <c r="M140" s="11">
        <v>65</v>
      </c>
      <c r="N140" s="22">
        <v>55</v>
      </c>
      <c r="O140" s="22">
        <v>71</v>
      </c>
      <c r="P140" s="22">
        <v>65</v>
      </c>
      <c r="Q140" s="22">
        <v>62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99</v>
      </c>
      <c r="H141" s="11">
        <v>91</v>
      </c>
      <c r="I141" s="11">
        <v>86</v>
      </c>
      <c r="J141" s="11">
        <v>89</v>
      </c>
      <c r="K141" s="11">
        <v>89</v>
      </c>
      <c r="L141" s="11">
        <v>82</v>
      </c>
      <c r="M141" s="11">
        <v>81</v>
      </c>
      <c r="N141" s="22">
        <v>78</v>
      </c>
      <c r="O141" s="22">
        <v>60</v>
      </c>
      <c r="P141" s="22">
        <v>60</v>
      </c>
      <c r="Q141" s="22">
        <v>66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66</v>
      </c>
      <c r="H142" s="11">
        <v>93</v>
      </c>
      <c r="I142" s="11">
        <v>94</v>
      </c>
      <c r="J142" s="11">
        <v>86</v>
      </c>
      <c r="K142" s="11">
        <v>83</v>
      </c>
      <c r="L142" s="11">
        <v>81</v>
      </c>
      <c r="M142" s="11">
        <v>80</v>
      </c>
      <c r="N142" s="22">
        <v>84</v>
      </c>
      <c r="O142" s="22">
        <v>88</v>
      </c>
      <c r="P142" s="22">
        <v>87</v>
      </c>
      <c r="Q142" s="22">
        <v>81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77</v>
      </c>
      <c r="H143" s="14">
        <v>68</v>
      </c>
      <c r="I143" s="14">
        <v>95</v>
      </c>
      <c r="J143" s="14">
        <v>113</v>
      </c>
      <c r="K143" s="14">
        <v>108</v>
      </c>
      <c r="L143" s="14">
        <v>101</v>
      </c>
      <c r="M143" s="14">
        <v>99</v>
      </c>
      <c r="N143" s="23">
        <v>96</v>
      </c>
      <c r="O143" s="23">
        <v>84</v>
      </c>
      <c r="P143" s="23">
        <v>85</v>
      </c>
      <c r="Q143" s="23">
        <v>82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72</v>
      </c>
      <c r="H144" s="14">
        <v>74</v>
      </c>
      <c r="I144" s="14">
        <v>66</v>
      </c>
      <c r="J144" s="14">
        <v>57</v>
      </c>
      <c r="K144" s="14">
        <v>69</v>
      </c>
      <c r="L144" s="14">
        <v>86</v>
      </c>
      <c r="M144" s="14">
        <v>84</v>
      </c>
      <c r="N144" s="23">
        <v>91</v>
      </c>
      <c r="O144" s="23">
        <v>112</v>
      </c>
      <c r="P144" s="23">
        <v>109</v>
      </c>
      <c r="Q144" s="23">
        <v>96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66</v>
      </c>
      <c r="H145" s="14">
        <v>69</v>
      </c>
      <c r="I145" s="14">
        <v>67</v>
      </c>
      <c r="J145" s="14">
        <v>68</v>
      </c>
      <c r="K145" s="14">
        <v>65</v>
      </c>
      <c r="L145" s="14">
        <v>62</v>
      </c>
      <c r="M145" s="14">
        <v>66</v>
      </c>
      <c r="N145" s="23">
        <v>60</v>
      </c>
      <c r="O145" s="23">
        <v>52</v>
      </c>
      <c r="P145" s="23">
        <v>64</v>
      </c>
      <c r="Q145" s="23">
        <v>82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42</v>
      </c>
      <c r="H146" s="14">
        <v>55</v>
      </c>
      <c r="I146" s="14">
        <v>59</v>
      </c>
      <c r="J146" s="14">
        <v>59</v>
      </c>
      <c r="K146" s="14">
        <v>59</v>
      </c>
      <c r="L146" s="14">
        <v>56</v>
      </c>
      <c r="M146" s="14">
        <v>50</v>
      </c>
      <c r="N146" s="23">
        <v>62</v>
      </c>
      <c r="O146" s="23">
        <v>65</v>
      </c>
      <c r="P146" s="23">
        <v>57</v>
      </c>
      <c r="Q146" s="23">
        <v>59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27</v>
      </c>
      <c r="H147" s="14">
        <v>32</v>
      </c>
      <c r="I147" s="14">
        <v>44</v>
      </c>
      <c r="J147" s="14">
        <v>46</v>
      </c>
      <c r="K147" s="14">
        <v>47</v>
      </c>
      <c r="L147" s="14">
        <v>53</v>
      </c>
      <c r="M147" s="14">
        <v>54</v>
      </c>
      <c r="N147" s="23">
        <v>49</v>
      </c>
      <c r="O147" s="23">
        <v>46</v>
      </c>
      <c r="P147" s="23">
        <v>45</v>
      </c>
      <c r="Q147" s="23">
        <v>39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6</v>
      </c>
      <c r="H148" s="14">
        <v>14</v>
      </c>
      <c r="I148" s="14">
        <v>20</v>
      </c>
      <c r="J148" s="14">
        <v>24</v>
      </c>
      <c r="K148" s="14">
        <v>24</v>
      </c>
      <c r="L148" s="14">
        <v>28</v>
      </c>
      <c r="M148" s="14">
        <v>35</v>
      </c>
      <c r="N148" s="23">
        <v>33</v>
      </c>
      <c r="O148" s="23">
        <v>36</v>
      </c>
      <c r="P148" s="23">
        <v>37</v>
      </c>
      <c r="Q148" s="23">
        <v>38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4</v>
      </c>
      <c r="H149" s="14">
        <v>7</v>
      </c>
      <c r="I149" s="14">
        <v>5</v>
      </c>
      <c r="J149" s="14">
        <v>4</v>
      </c>
      <c r="K149" s="14">
        <v>5</v>
      </c>
      <c r="L149" s="14">
        <v>5</v>
      </c>
      <c r="M149" s="14">
        <v>6</v>
      </c>
      <c r="N149" s="23">
        <v>8</v>
      </c>
      <c r="O149" s="23">
        <v>10</v>
      </c>
      <c r="P149" s="23">
        <v>9</v>
      </c>
      <c r="Q149" s="23">
        <v>15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1</v>
      </c>
      <c r="I150" s="14">
        <v>1</v>
      </c>
      <c r="J150" s="14">
        <v>1</v>
      </c>
      <c r="K150" s="14">
        <v>1</v>
      </c>
      <c r="L150" s="14">
        <v>1</v>
      </c>
      <c r="M150" s="14">
        <v>1</v>
      </c>
      <c r="N150" s="23">
        <v>3</v>
      </c>
      <c r="O150" s="23">
        <v>2</v>
      </c>
      <c r="P150" s="23">
        <v>2</v>
      </c>
      <c r="Q150" s="23">
        <v>2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178</v>
      </c>
      <c r="H151" s="17">
        <f t="shared" ref="H151:N151" si="18">SUM(H130:H150)</f>
        <v>1138</v>
      </c>
      <c r="I151" s="17">
        <f t="shared" si="18"/>
        <v>1129</v>
      </c>
      <c r="J151" s="17">
        <f t="shared" si="18"/>
        <v>1160</v>
      </c>
      <c r="K151" s="17">
        <f t="shared" si="18"/>
        <v>1168</v>
      </c>
      <c r="L151" s="17">
        <f t="shared" si="18"/>
        <v>1180</v>
      </c>
      <c r="M151" s="17">
        <f t="shared" si="18"/>
        <v>1173</v>
      </c>
      <c r="N151" s="17">
        <f t="shared" si="18"/>
        <v>1160</v>
      </c>
      <c r="O151" s="17">
        <f>SUM(O130:O150)</f>
        <v>1158</v>
      </c>
      <c r="P151" s="17">
        <f>SUM(P130:P150)</f>
        <v>1160</v>
      </c>
      <c r="Q151" s="17">
        <f>SUM(Q130:Q150)</f>
        <v>1133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49</v>
      </c>
      <c r="H156" s="8">
        <f t="shared" si="19"/>
        <v>136</v>
      </c>
      <c r="I156" s="8">
        <f t="shared" si="19"/>
        <v>129</v>
      </c>
      <c r="J156" s="8">
        <f t="shared" si="19"/>
        <v>136</v>
      </c>
      <c r="K156" s="8">
        <f t="shared" si="19"/>
        <v>139</v>
      </c>
      <c r="L156" s="8">
        <f t="shared" si="19"/>
        <v>141</v>
      </c>
      <c r="M156" s="8">
        <f t="shared" si="19"/>
        <v>142</v>
      </c>
      <c r="N156" s="8">
        <f t="shared" si="19"/>
        <v>148</v>
      </c>
      <c r="O156" s="8">
        <f t="shared" si="19"/>
        <v>158</v>
      </c>
      <c r="P156" s="8">
        <f t="shared" si="19"/>
        <v>160</v>
      </c>
      <c r="Q156" s="8">
        <v>15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725</v>
      </c>
      <c r="H157" s="11">
        <f t="shared" si="20"/>
        <v>682</v>
      </c>
      <c r="I157" s="11">
        <f t="shared" si="20"/>
        <v>643</v>
      </c>
      <c r="J157" s="11">
        <f t="shared" si="20"/>
        <v>652</v>
      </c>
      <c r="K157" s="11">
        <f t="shared" si="20"/>
        <v>651</v>
      </c>
      <c r="L157" s="11">
        <f t="shared" si="20"/>
        <v>647</v>
      </c>
      <c r="M157" s="11">
        <f t="shared" si="20"/>
        <v>636</v>
      </c>
      <c r="N157" s="11">
        <f t="shared" si="20"/>
        <v>610</v>
      </c>
      <c r="O157" s="11">
        <f t="shared" si="20"/>
        <v>593</v>
      </c>
      <c r="P157" s="11">
        <f t="shared" si="20"/>
        <v>592</v>
      </c>
      <c r="Q157" s="11">
        <v>564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304</v>
      </c>
      <c r="H158" s="14">
        <f t="shared" si="21"/>
        <v>320</v>
      </c>
      <c r="I158" s="14">
        <f t="shared" si="21"/>
        <v>357</v>
      </c>
      <c r="J158" s="14">
        <f t="shared" si="21"/>
        <v>372</v>
      </c>
      <c r="K158" s="14">
        <f t="shared" si="21"/>
        <v>378</v>
      </c>
      <c r="L158" s="14">
        <f t="shared" si="21"/>
        <v>392</v>
      </c>
      <c r="M158" s="14">
        <f t="shared" si="21"/>
        <v>395</v>
      </c>
      <c r="N158" s="14">
        <f t="shared" si="21"/>
        <v>402</v>
      </c>
      <c r="O158" s="14">
        <f t="shared" si="21"/>
        <v>407</v>
      </c>
      <c r="P158" s="14">
        <f t="shared" si="21"/>
        <v>408</v>
      </c>
      <c r="Q158" s="14">
        <v>413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178</v>
      </c>
      <c r="H159" s="17">
        <f t="shared" ref="H159:N159" si="22">SUM(H156:H158)</f>
        <v>1138</v>
      </c>
      <c r="I159" s="17">
        <f t="shared" si="22"/>
        <v>1129</v>
      </c>
      <c r="J159" s="17">
        <f t="shared" si="22"/>
        <v>1160</v>
      </c>
      <c r="K159" s="17">
        <f t="shared" si="22"/>
        <v>1168</v>
      </c>
      <c r="L159" s="17">
        <f t="shared" si="22"/>
        <v>1180</v>
      </c>
      <c r="M159" s="17">
        <f t="shared" si="22"/>
        <v>1173</v>
      </c>
      <c r="N159" s="17">
        <f t="shared" si="22"/>
        <v>1160</v>
      </c>
      <c r="O159" s="17">
        <f>SUM(O156:O158)</f>
        <v>1158</v>
      </c>
      <c r="P159" s="17">
        <f>SUM(P156:P158)</f>
        <v>1160</v>
      </c>
      <c r="Q159" s="17">
        <f>SUM(Q156:Q158)</f>
        <v>1133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2.6</v>
      </c>
      <c r="H164" s="49">
        <f t="shared" si="23"/>
        <v>12</v>
      </c>
      <c r="I164" s="49">
        <f t="shared" si="23"/>
        <v>11.4</v>
      </c>
      <c r="J164" s="49">
        <f t="shared" si="23"/>
        <v>11.7</v>
      </c>
      <c r="K164" s="49">
        <f t="shared" si="23"/>
        <v>11.9</v>
      </c>
      <c r="L164" s="49">
        <f t="shared" si="23"/>
        <v>11.9</v>
      </c>
      <c r="M164" s="49">
        <f t="shared" si="23"/>
        <v>12.1</v>
      </c>
      <c r="N164" s="49">
        <f t="shared" si="23"/>
        <v>12.8</v>
      </c>
      <c r="O164" s="49">
        <f t="shared" si="23"/>
        <v>13.6</v>
      </c>
      <c r="P164" s="49">
        <f t="shared" si="23"/>
        <v>13.8</v>
      </c>
      <c r="Q164" s="49">
        <f t="shared" si="23"/>
        <v>13.8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1.5</v>
      </c>
      <c r="H165" s="50">
        <f t="shared" si="24"/>
        <v>59.9</v>
      </c>
      <c r="I165" s="50">
        <f t="shared" si="24"/>
        <v>57</v>
      </c>
      <c r="J165" s="50">
        <f t="shared" si="24"/>
        <v>56.2</v>
      </c>
      <c r="K165" s="50">
        <f t="shared" si="24"/>
        <v>55.7</v>
      </c>
      <c r="L165" s="50">
        <f t="shared" si="24"/>
        <v>54.8</v>
      </c>
      <c r="M165" s="50">
        <f t="shared" si="24"/>
        <v>54.2</v>
      </c>
      <c r="N165" s="50">
        <f t="shared" si="24"/>
        <v>52.6</v>
      </c>
      <c r="O165" s="50">
        <f t="shared" si="24"/>
        <v>51.2</v>
      </c>
      <c r="P165" s="50">
        <f t="shared" si="24"/>
        <v>51</v>
      </c>
      <c r="Q165" s="50">
        <f t="shared" si="24"/>
        <v>49.8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5.8</v>
      </c>
      <c r="H166" s="51">
        <f t="shared" si="25"/>
        <v>28.1</v>
      </c>
      <c r="I166" s="51">
        <f t="shared" si="25"/>
        <v>31.6</v>
      </c>
      <c r="J166" s="51">
        <f t="shared" si="25"/>
        <v>32.1</v>
      </c>
      <c r="K166" s="51">
        <f t="shared" si="25"/>
        <v>32.4</v>
      </c>
      <c r="L166" s="51">
        <f t="shared" si="25"/>
        <v>33.200000000000003</v>
      </c>
      <c r="M166" s="51">
        <f t="shared" si="25"/>
        <v>33.700000000000003</v>
      </c>
      <c r="N166" s="51">
        <f t="shared" si="25"/>
        <v>34.700000000000003</v>
      </c>
      <c r="O166" s="51">
        <f t="shared" si="25"/>
        <v>35.1</v>
      </c>
      <c r="P166" s="51">
        <f t="shared" si="25"/>
        <v>35.200000000000003</v>
      </c>
      <c r="Q166" s="51">
        <f t="shared" si="25"/>
        <v>36.5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71458D1-DE45-446B-9FC6-3CA5DA55FE9E}">
  <sheetPr codeName="Sheet81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54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144</v>
      </c>
      <c r="H5" s="8">
        <f t="shared" si="0"/>
        <v>106</v>
      </c>
      <c r="I5" s="8">
        <f t="shared" si="0"/>
        <v>135</v>
      </c>
      <c r="J5" s="8">
        <f t="shared" si="0"/>
        <v>146</v>
      </c>
      <c r="K5" s="8">
        <f t="shared" si="0"/>
        <v>140</v>
      </c>
      <c r="L5" s="8">
        <f t="shared" si="0"/>
        <v>137</v>
      </c>
      <c r="M5" s="8">
        <f t="shared" si="0"/>
        <v>156</v>
      </c>
      <c r="N5" s="8">
        <f t="shared" si="0"/>
        <v>171</v>
      </c>
      <c r="O5" s="8">
        <f t="shared" si="0"/>
        <v>185</v>
      </c>
      <c r="P5" s="8">
        <f t="shared" si="0"/>
        <v>185</v>
      </c>
      <c r="Q5" s="8">
        <f t="shared" si="0"/>
        <v>167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121</v>
      </c>
      <c r="H6" s="8">
        <f t="shared" si="0"/>
        <v>158</v>
      </c>
      <c r="I6" s="8">
        <f t="shared" si="0"/>
        <v>145</v>
      </c>
      <c r="J6" s="8">
        <f t="shared" si="0"/>
        <v>154</v>
      </c>
      <c r="K6" s="8">
        <f t="shared" si="0"/>
        <v>148</v>
      </c>
      <c r="L6" s="8">
        <f t="shared" si="0"/>
        <v>148</v>
      </c>
      <c r="M6" s="8">
        <f t="shared" si="0"/>
        <v>150</v>
      </c>
      <c r="N6" s="8">
        <f t="shared" si="0"/>
        <v>159</v>
      </c>
      <c r="O6" s="8">
        <f t="shared" si="0"/>
        <v>164</v>
      </c>
      <c r="P6" s="8">
        <f t="shared" si="0"/>
        <v>171</v>
      </c>
      <c r="Q6" s="8">
        <f t="shared" si="0"/>
        <v>178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160</v>
      </c>
      <c r="H7" s="8">
        <f t="shared" si="0"/>
        <v>116</v>
      </c>
      <c r="I7" s="8">
        <f t="shared" si="0"/>
        <v>158</v>
      </c>
      <c r="J7" s="8">
        <f t="shared" si="0"/>
        <v>151</v>
      </c>
      <c r="K7" s="8">
        <f t="shared" si="0"/>
        <v>141</v>
      </c>
      <c r="L7" s="8">
        <f t="shared" si="0"/>
        <v>146</v>
      </c>
      <c r="M7" s="8">
        <f t="shared" si="0"/>
        <v>150</v>
      </c>
      <c r="N7" s="8">
        <f t="shared" si="0"/>
        <v>147</v>
      </c>
      <c r="O7" s="8">
        <f t="shared" si="0"/>
        <v>156</v>
      </c>
      <c r="P7" s="8">
        <f t="shared" si="0"/>
        <v>155</v>
      </c>
      <c r="Q7" s="8">
        <f t="shared" si="0"/>
        <v>154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53</v>
      </c>
      <c r="H8" s="11">
        <f t="shared" si="0"/>
        <v>148</v>
      </c>
      <c r="I8" s="11">
        <f t="shared" si="0"/>
        <v>116</v>
      </c>
      <c r="J8" s="11">
        <f t="shared" si="0"/>
        <v>118</v>
      </c>
      <c r="K8" s="11">
        <f t="shared" si="0"/>
        <v>133</v>
      </c>
      <c r="L8" s="11">
        <f t="shared" si="0"/>
        <v>148</v>
      </c>
      <c r="M8" s="11">
        <f t="shared" si="0"/>
        <v>159</v>
      </c>
      <c r="N8" s="11">
        <f t="shared" si="0"/>
        <v>154</v>
      </c>
      <c r="O8" s="11">
        <f t="shared" si="0"/>
        <v>155</v>
      </c>
      <c r="P8" s="11">
        <f t="shared" si="0"/>
        <v>151</v>
      </c>
      <c r="Q8" s="11">
        <f t="shared" si="0"/>
        <v>152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202</v>
      </c>
      <c r="H9" s="11">
        <f t="shared" si="0"/>
        <v>150</v>
      </c>
      <c r="I9" s="11">
        <f t="shared" si="0"/>
        <v>130</v>
      </c>
      <c r="J9" s="11">
        <f t="shared" si="0"/>
        <v>131</v>
      </c>
      <c r="K9" s="11">
        <f t="shared" si="0"/>
        <v>153</v>
      </c>
      <c r="L9" s="11">
        <f t="shared" si="0"/>
        <v>152</v>
      </c>
      <c r="M9" s="11">
        <f t="shared" si="0"/>
        <v>140</v>
      </c>
      <c r="N9" s="11">
        <f t="shared" si="0"/>
        <v>132</v>
      </c>
      <c r="O9" s="11">
        <f t="shared" si="0"/>
        <v>148</v>
      </c>
      <c r="P9" s="11">
        <f t="shared" si="0"/>
        <v>161</v>
      </c>
      <c r="Q9" s="11">
        <f t="shared" si="0"/>
        <v>160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212</v>
      </c>
      <c r="H10" s="11">
        <f t="shared" si="0"/>
        <v>195</v>
      </c>
      <c r="I10" s="11">
        <f t="shared" si="0"/>
        <v>172</v>
      </c>
      <c r="J10" s="11">
        <f t="shared" si="0"/>
        <v>170</v>
      </c>
      <c r="K10" s="11">
        <f t="shared" si="0"/>
        <v>152</v>
      </c>
      <c r="L10" s="11">
        <f t="shared" si="0"/>
        <v>176</v>
      </c>
      <c r="M10" s="11">
        <f t="shared" si="0"/>
        <v>195</v>
      </c>
      <c r="N10" s="11">
        <f t="shared" si="0"/>
        <v>198</v>
      </c>
      <c r="O10" s="11">
        <f t="shared" si="0"/>
        <v>192</v>
      </c>
      <c r="P10" s="11">
        <f t="shared" si="0"/>
        <v>191</v>
      </c>
      <c r="Q10" s="11">
        <f t="shared" si="0"/>
        <v>181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255</v>
      </c>
      <c r="H11" s="11">
        <f t="shared" si="0"/>
        <v>221</v>
      </c>
      <c r="I11" s="11">
        <f t="shared" si="0"/>
        <v>200</v>
      </c>
      <c r="J11" s="11">
        <f t="shared" si="0"/>
        <v>200</v>
      </c>
      <c r="K11" s="11">
        <f t="shared" si="0"/>
        <v>207</v>
      </c>
      <c r="L11" s="11">
        <f t="shared" si="0"/>
        <v>190</v>
      </c>
      <c r="M11" s="11">
        <f t="shared" si="0"/>
        <v>210</v>
      </c>
      <c r="N11" s="11">
        <f t="shared" si="0"/>
        <v>212</v>
      </c>
      <c r="O11" s="11">
        <f t="shared" si="0"/>
        <v>214</v>
      </c>
      <c r="P11" s="11">
        <f t="shared" si="0"/>
        <v>205</v>
      </c>
      <c r="Q11" s="11">
        <f t="shared" si="0"/>
        <v>207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81</v>
      </c>
      <c r="H12" s="11">
        <f t="shared" si="0"/>
        <v>270</v>
      </c>
      <c r="I12" s="11">
        <f t="shared" si="0"/>
        <v>269</v>
      </c>
      <c r="J12" s="11">
        <f t="shared" si="0"/>
        <v>273</v>
      </c>
      <c r="K12" s="11">
        <f t="shared" si="0"/>
        <v>272</v>
      </c>
      <c r="L12" s="11">
        <f t="shared" si="0"/>
        <v>249</v>
      </c>
      <c r="M12" s="11">
        <f t="shared" si="0"/>
        <v>225</v>
      </c>
      <c r="N12" s="11">
        <f t="shared" si="0"/>
        <v>234</v>
      </c>
      <c r="O12" s="11">
        <f t="shared" si="0"/>
        <v>251</v>
      </c>
      <c r="P12" s="11">
        <f t="shared" si="0"/>
        <v>250</v>
      </c>
      <c r="Q12" s="11">
        <f t="shared" si="0"/>
        <v>221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71</v>
      </c>
      <c r="H13" s="11">
        <f t="shared" si="0"/>
        <v>169</v>
      </c>
      <c r="I13" s="11">
        <f t="shared" si="0"/>
        <v>264</v>
      </c>
      <c r="J13" s="11">
        <f t="shared" si="0"/>
        <v>267</v>
      </c>
      <c r="K13" s="11">
        <f t="shared" si="0"/>
        <v>272</v>
      </c>
      <c r="L13" s="11">
        <f t="shared" si="0"/>
        <v>302</v>
      </c>
      <c r="M13" s="11">
        <f t="shared" si="0"/>
        <v>293</v>
      </c>
      <c r="N13" s="11">
        <f t="shared" si="0"/>
        <v>281</v>
      </c>
      <c r="O13" s="11">
        <f t="shared" si="0"/>
        <v>273</v>
      </c>
      <c r="P13" s="11">
        <f t="shared" si="0"/>
        <v>280</v>
      </c>
      <c r="Q13" s="11">
        <f t="shared" si="0"/>
        <v>264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81</v>
      </c>
      <c r="H14" s="11">
        <f t="shared" si="0"/>
        <v>175</v>
      </c>
      <c r="I14" s="11">
        <f t="shared" si="0"/>
        <v>178</v>
      </c>
      <c r="J14" s="11">
        <f t="shared" si="0"/>
        <v>184</v>
      </c>
      <c r="K14" s="11">
        <f t="shared" si="0"/>
        <v>188</v>
      </c>
      <c r="L14" s="11">
        <f t="shared" si="0"/>
        <v>202</v>
      </c>
      <c r="M14" s="11">
        <f t="shared" si="0"/>
        <v>231</v>
      </c>
      <c r="N14" s="11">
        <f t="shared" si="0"/>
        <v>257</v>
      </c>
      <c r="O14" s="11">
        <f t="shared" si="0"/>
        <v>277</v>
      </c>
      <c r="P14" s="11">
        <f t="shared" si="0"/>
        <v>298</v>
      </c>
      <c r="Q14" s="11">
        <f t="shared" si="0"/>
        <v>321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293</v>
      </c>
      <c r="H15" s="11">
        <f t="shared" si="0"/>
        <v>186</v>
      </c>
      <c r="I15" s="11">
        <f t="shared" si="0"/>
        <v>174</v>
      </c>
      <c r="J15" s="11">
        <f t="shared" si="0"/>
        <v>173</v>
      </c>
      <c r="K15" s="11">
        <f t="shared" si="0"/>
        <v>180</v>
      </c>
      <c r="L15" s="11">
        <f t="shared" si="0"/>
        <v>165</v>
      </c>
      <c r="M15" s="11">
        <f t="shared" si="0"/>
        <v>177</v>
      </c>
      <c r="N15" s="11">
        <f t="shared" si="0"/>
        <v>183</v>
      </c>
      <c r="O15" s="11">
        <f t="shared" si="0"/>
        <v>194</v>
      </c>
      <c r="P15" s="11">
        <f t="shared" si="0"/>
        <v>198</v>
      </c>
      <c r="Q15" s="11">
        <f t="shared" si="0"/>
        <v>204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343</v>
      </c>
      <c r="H16" s="11">
        <f t="shared" si="0"/>
        <v>284</v>
      </c>
      <c r="I16" s="11">
        <f t="shared" si="0"/>
        <v>188</v>
      </c>
      <c r="J16" s="11">
        <f t="shared" si="0"/>
        <v>186</v>
      </c>
      <c r="K16" s="11">
        <f t="shared" si="0"/>
        <v>170</v>
      </c>
      <c r="L16" s="11">
        <f t="shared" si="0"/>
        <v>183</v>
      </c>
      <c r="M16" s="11">
        <f t="shared" si="0"/>
        <v>191</v>
      </c>
      <c r="N16" s="11">
        <f t="shared" si="0"/>
        <v>183</v>
      </c>
      <c r="O16" s="11">
        <f t="shared" si="0"/>
        <v>176</v>
      </c>
      <c r="P16" s="11">
        <f t="shared" si="0"/>
        <v>183</v>
      </c>
      <c r="Q16" s="11">
        <f t="shared" si="0"/>
        <v>175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220</v>
      </c>
      <c r="H17" s="11">
        <f t="shared" si="0"/>
        <v>344</v>
      </c>
      <c r="I17" s="11">
        <f t="shared" si="0"/>
        <v>286</v>
      </c>
      <c r="J17" s="11">
        <f t="shared" si="0"/>
        <v>269</v>
      </c>
      <c r="K17" s="11">
        <f t="shared" si="0"/>
        <v>248</v>
      </c>
      <c r="L17" s="11">
        <f t="shared" si="0"/>
        <v>222</v>
      </c>
      <c r="M17" s="11">
        <f t="shared" si="0"/>
        <v>208</v>
      </c>
      <c r="N17" s="11">
        <f t="shared" si="0"/>
        <v>200</v>
      </c>
      <c r="O17" s="11">
        <f t="shared" si="0"/>
        <v>199</v>
      </c>
      <c r="P17" s="11">
        <f t="shared" si="0"/>
        <v>175</v>
      </c>
      <c r="Q17" s="11">
        <f t="shared" si="0"/>
        <v>189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42</v>
      </c>
      <c r="H18" s="14">
        <f t="shared" si="0"/>
        <v>211</v>
      </c>
      <c r="I18" s="14">
        <f t="shared" si="0"/>
        <v>341</v>
      </c>
      <c r="J18" s="14">
        <f t="shared" si="0"/>
        <v>358</v>
      </c>
      <c r="K18" s="14">
        <f t="shared" si="0"/>
        <v>354</v>
      </c>
      <c r="L18" s="14">
        <f t="shared" si="0"/>
        <v>336</v>
      </c>
      <c r="M18" s="14">
        <f t="shared" si="0"/>
        <v>300</v>
      </c>
      <c r="N18" s="14">
        <f t="shared" si="0"/>
        <v>281</v>
      </c>
      <c r="O18" s="14">
        <f t="shared" si="0"/>
        <v>262</v>
      </c>
      <c r="P18" s="14">
        <f t="shared" si="0"/>
        <v>242</v>
      </c>
      <c r="Q18" s="14">
        <f t="shared" si="0"/>
        <v>220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43</v>
      </c>
      <c r="H19" s="14">
        <f t="shared" si="0"/>
        <v>136</v>
      </c>
      <c r="I19" s="14">
        <f t="shared" si="0"/>
        <v>195</v>
      </c>
      <c r="J19" s="14">
        <f t="shared" si="0"/>
        <v>189</v>
      </c>
      <c r="K19" s="14">
        <f t="shared" si="0"/>
        <v>222</v>
      </c>
      <c r="L19" s="14">
        <f t="shared" si="0"/>
        <v>254</v>
      </c>
      <c r="M19" s="14">
        <f t="shared" si="0"/>
        <v>288</v>
      </c>
      <c r="N19" s="14">
        <f t="shared" si="0"/>
        <v>314</v>
      </c>
      <c r="O19" s="14">
        <f t="shared" si="0"/>
        <v>331</v>
      </c>
      <c r="P19" s="14">
        <f t="shared" si="0"/>
        <v>333</v>
      </c>
      <c r="Q19" s="14">
        <f t="shared" si="0"/>
        <v>318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34</v>
      </c>
      <c r="H20" s="14">
        <f t="shared" si="0"/>
        <v>122</v>
      </c>
      <c r="I20" s="14">
        <f t="shared" si="0"/>
        <v>125</v>
      </c>
      <c r="J20" s="14">
        <f t="shared" si="0"/>
        <v>136</v>
      </c>
      <c r="K20" s="14">
        <f t="shared" si="0"/>
        <v>153</v>
      </c>
      <c r="L20" s="14">
        <f t="shared" si="0"/>
        <v>158</v>
      </c>
      <c r="M20" s="14">
        <f t="shared" si="0"/>
        <v>181</v>
      </c>
      <c r="N20" s="14">
        <f t="shared" si="0"/>
        <v>182</v>
      </c>
      <c r="O20" s="14">
        <f t="shared" si="0"/>
        <v>178</v>
      </c>
      <c r="P20" s="14">
        <f t="shared" si="0"/>
        <v>202</v>
      </c>
      <c r="Q20" s="14">
        <f t="shared" si="0"/>
        <v>233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73</v>
      </c>
      <c r="H21" s="14">
        <f t="shared" si="1"/>
        <v>108</v>
      </c>
      <c r="I21" s="14">
        <f t="shared" si="1"/>
        <v>108</v>
      </c>
      <c r="J21" s="14">
        <f t="shared" si="1"/>
        <v>109</v>
      </c>
      <c r="K21" s="14">
        <f t="shared" si="1"/>
        <v>97</v>
      </c>
      <c r="L21" s="14">
        <f t="shared" si="1"/>
        <v>112</v>
      </c>
      <c r="M21" s="14">
        <f t="shared" si="1"/>
        <v>114</v>
      </c>
      <c r="N21" s="14">
        <f t="shared" si="1"/>
        <v>114</v>
      </c>
      <c r="O21" s="14">
        <f t="shared" si="1"/>
        <v>121</v>
      </c>
      <c r="P21" s="14">
        <f t="shared" si="1"/>
        <v>134</v>
      </c>
      <c r="Q21" s="14">
        <f t="shared" si="1"/>
        <v>138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41</v>
      </c>
      <c r="H22" s="14">
        <f t="shared" si="1"/>
        <v>49</v>
      </c>
      <c r="I22" s="14">
        <f t="shared" si="1"/>
        <v>85</v>
      </c>
      <c r="J22" s="14">
        <f t="shared" si="1"/>
        <v>83</v>
      </c>
      <c r="K22" s="14">
        <f t="shared" si="1"/>
        <v>85</v>
      </c>
      <c r="L22" s="14">
        <f t="shared" si="1"/>
        <v>74</v>
      </c>
      <c r="M22" s="14">
        <f t="shared" si="1"/>
        <v>68</v>
      </c>
      <c r="N22" s="14">
        <f t="shared" si="1"/>
        <v>76</v>
      </c>
      <c r="O22" s="14">
        <f t="shared" si="1"/>
        <v>80</v>
      </c>
      <c r="P22" s="14">
        <f t="shared" si="1"/>
        <v>77</v>
      </c>
      <c r="Q22" s="14">
        <f t="shared" si="1"/>
        <v>85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26</v>
      </c>
      <c r="H23" s="14">
        <f t="shared" si="1"/>
        <v>16</v>
      </c>
      <c r="I23" s="14">
        <f t="shared" si="1"/>
        <v>24</v>
      </c>
      <c r="J23" s="14">
        <f t="shared" si="1"/>
        <v>31</v>
      </c>
      <c r="K23" s="14">
        <f t="shared" si="1"/>
        <v>39</v>
      </c>
      <c r="L23" s="14">
        <f t="shared" si="1"/>
        <v>42</v>
      </c>
      <c r="M23" s="14">
        <f t="shared" si="1"/>
        <v>51</v>
      </c>
      <c r="N23" s="14">
        <f t="shared" si="1"/>
        <v>53</v>
      </c>
      <c r="O23" s="14">
        <f t="shared" si="1"/>
        <v>51</v>
      </c>
      <c r="P23" s="14">
        <f t="shared" si="1"/>
        <v>48</v>
      </c>
      <c r="Q23" s="14">
        <f t="shared" si="1"/>
        <v>41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0</v>
      </c>
      <c r="H24" s="14">
        <f t="shared" si="1"/>
        <v>6</v>
      </c>
      <c r="I24" s="14">
        <f t="shared" si="1"/>
        <v>4</v>
      </c>
      <c r="J24" s="14">
        <f t="shared" si="1"/>
        <v>5</v>
      </c>
      <c r="K24" s="14">
        <f t="shared" si="1"/>
        <v>4</v>
      </c>
      <c r="L24" s="14">
        <f t="shared" si="1"/>
        <v>4</v>
      </c>
      <c r="M24" s="14">
        <f t="shared" si="1"/>
        <v>4</v>
      </c>
      <c r="N24" s="14">
        <f t="shared" si="1"/>
        <v>9</v>
      </c>
      <c r="O24" s="14">
        <f t="shared" si="1"/>
        <v>14</v>
      </c>
      <c r="P24" s="14">
        <f t="shared" si="1"/>
        <v>16</v>
      </c>
      <c r="Q24" s="14">
        <f t="shared" si="1"/>
        <v>20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1</v>
      </c>
      <c r="H25" s="14">
        <f t="shared" si="1"/>
        <v>0</v>
      </c>
      <c r="I25" s="14">
        <f t="shared" si="1"/>
        <v>2</v>
      </c>
      <c r="J25" s="14">
        <f t="shared" si="1"/>
        <v>1</v>
      </c>
      <c r="K25" s="14">
        <f t="shared" si="1"/>
        <v>1</v>
      </c>
      <c r="L25" s="14">
        <f t="shared" si="1"/>
        <v>1</v>
      </c>
      <c r="M25" s="14">
        <f t="shared" si="1"/>
        <v>3</v>
      </c>
      <c r="N25" s="14">
        <f t="shared" si="1"/>
        <v>2</v>
      </c>
      <c r="O25" s="14">
        <f t="shared" si="1"/>
        <v>2</v>
      </c>
      <c r="P25" s="14">
        <f t="shared" si="1"/>
        <v>2</v>
      </c>
      <c r="Q25" s="14">
        <f t="shared" si="1"/>
        <v>0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3196</v>
      </c>
      <c r="H26" s="17">
        <f>SUM(H5:H25)</f>
        <v>3170</v>
      </c>
      <c r="I26" s="17">
        <f t="shared" ref="I26:N26" si="2">SUM(I5:I25)</f>
        <v>3299</v>
      </c>
      <c r="J26" s="17">
        <f t="shared" si="2"/>
        <v>3334</v>
      </c>
      <c r="K26" s="17">
        <f t="shared" si="2"/>
        <v>3359</v>
      </c>
      <c r="L26" s="17">
        <f t="shared" si="2"/>
        <v>3401</v>
      </c>
      <c r="M26" s="17">
        <f t="shared" si="2"/>
        <v>3494</v>
      </c>
      <c r="N26" s="17">
        <f t="shared" si="2"/>
        <v>3542</v>
      </c>
      <c r="O26" s="17">
        <f>SUM(O5:O25)</f>
        <v>3623</v>
      </c>
      <c r="P26" s="17">
        <f>SUM(P5:P25)</f>
        <v>3657</v>
      </c>
      <c r="Q26" s="17">
        <f>SUM(Q5:Q25)</f>
        <v>3628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425</v>
      </c>
      <c r="H31" s="21">
        <f t="shared" si="3"/>
        <v>380</v>
      </c>
      <c r="I31" s="21">
        <f t="shared" si="3"/>
        <v>438</v>
      </c>
      <c r="J31" s="21">
        <f t="shared" si="3"/>
        <v>451</v>
      </c>
      <c r="K31" s="21">
        <f t="shared" si="3"/>
        <v>429</v>
      </c>
      <c r="L31" s="21">
        <f t="shared" si="3"/>
        <v>431</v>
      </c>
      <c r="M31" s="21">
        <f t="shared" si="3"/>
        <v>456</v>
      </c>
      <c r="N31" s="21">
        <f t="shared" si="3"/>
        <v>477</v>
      </c>
      <c r="O31" s="21">
        <f t="shared" si="3"/>
        <v>505</v>
      </c>
      <c r="P31" s="21">
        <f t="shared" si="3"/>
        <v>511</v>
      </c>
      <c r="Q31" s="21">
        <f t="shared" si="3"/>
        <v>499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2211</v>
      </c>
      <c r="H32" s="22">
        <f t="shared" si="4"/>
        <v>2142</v>
      </c>
      <c r="I32" s="22">
        <f t="shared" si="4"/>
        <v>1977</v>
      </c>
      <c r="J32" s="22">
        <f t="shared" si="4"/>
        <v>1971</v>
      </c>
      <c r="K32" s="22">
        <f t="shared" si="4"/>
        <v>1975</v>
      </c>
      <c r="L32" s="22">
        <f t="shared" si="4"/>
        <v>1989</v>
      </c>
      <c r="M32" s="22">
        <f t="shared" si="4"/>
        <v>2029</v>
      </c>
      <c r="N32" s="22">
        <f t="shared" si="4"/>
        <v>2034</v>
      </c>
      <c r="O32" s="22">
        <f t="shared" si="4"/>
        <v>2079</v>
      </c>
      <c r="P32" s="22">
        <f t="shared" si="4"/>
        <v>2092</v>
      </c>
      <c r="Q32" s="22">
        <f t="shared" si="4"/>
        <v>2074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560</v>
      </c>
      <c r="H33" s="23">
        <f t="shared" si="5"/>
        <v>648</v>
      </c>
      <c r="I33" s="23">
        <f t="shared" si="5"/>
        <v>884</v>
      </c>
      <c r="J33" s="23">
        <f t="shared" si="5"/>
        <v>912</v>
      </c>
      <c r="K33" s="23">
        <f t="shared" si="5"/>
        <v>955</v>
      </c>
      <c r="L33" s="23">
        <f t="shared" si="5"/>
        <v>981</v>
      </c>
      <c r="M33" s="23">
        <f t="shared" si="5"/>
        <v>1009</v>
      </c>
      <c r="N33" s="23">
        <f t="shared" si="5"/>
        <v>1031</v>
      </c>
      <c r="O33" s="23">
        <f t="shared" si="5"/>
        <v>1039</v>
      </c>
      <c r="P33" s="23">
        <f t="shared" si="5"/>
        <v>1054</v>
      </c>
      <c r="Q33" s="23">
        <f t="shared" si="5"/>
        <v>1055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3196</v>
      </c>
      <c r="H34" s="24">
        <f>SUM(H31:H33)</f>
        <v>3170</v>
      </c>
      <c r="I34" s="24">
        <f t="shared" ref="I34:N34" si="6">SUM(I31:I33)</f>
        <v>3299</v>
      </c>
      <c r="J34" s="24">
        <f t="shared" si="6"/>
        <v>3334</v>
      </c>
      <c r="K34" s="24">
        <f t="shared" si="6"/>
        <v>3359</v>
      </c>
      <c r="L34" s="24">
        <f t="shared" si="6"/>
        <v>3401</v>
      </c>
      <c r="M34" s="24">
        <f t="shared" si="6"/>
        <v>3494</v>
      </c>
      <c r="N34" s="24">
        <f t="shared" si="6"/>
        <v>3542</v>
      </c>
      <c r="O34" s="24">
        <f>SUM(O31:O33)</f>
        <v>3623</v>
      </c>
      <c r="P34" s="24">
        <f>SUM(P31:P33)</f>
        <v>3657</v>
      </c>
      <c r="Q34" s="24">
        <f>SUM(Q31:Q33)</f>
        <v>3628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3.3</v>
      </c>
      <c r="H39" s="33">
        <f t="shared" si="7"/>
        <v>12</v>
      </c>
      <c r="I39" s="33">
        <f t="shared" si="7"/>
        <v>13.3</v>
      </c>
      <c r="J39" s="33">
        <f t="shared" si="7"/>
        <v>13.5</v>
      </c>
      <c r="K39" s="33">
        <f t="shared" si="7"/>
        <v>12.8</v>
      </c>
      <c r="L39" s="33">
        <f t="shared" si="7"/>
        <v>12.7</v>
      </c>
      <c r="M39" s="33">
        <f t="shared" si="7"/>
        <v>13.1</v>
      </c>
      <c r="N39" s="33">
        <f t="shared" si="7"/>
        <v>13.5</v>
      </c>
      <c r="O39" s="33">
        <f t="shared" si="7"/>
        <v>13.9</v>
      </c>
      <c r="P39" s="33">
        <f t="shared" si="7"/>
        <v>14</v>
      </c>
      <c r="Q39" s="33">
        <f t="shared" si="7"/>
        <v>13.8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9.2</v>
      </c>
      <c r="H40" s="35">
        <f t="shared" si="8"/>
        <v>67.599999999999994</v>
      </c>
      <c r="I40" s="35">
        <f t="shared" si="8"/>
        <v>59.9</v>
      </c>
      <c r="J40" s="35">
        <f t="shared" si="8"/>
        <v>59.1</v>
      </c>
      <c r="K40" s="35">
        <f t="shared" si="8"/>
        <v>58.8</v>
      </c>
      <c r="L40" s="35">
        <f t="shared" si="8"/>
        <v>58.5</v>
      </c>
      <c r="M40" s="35">
        <f t="shared" si="8"/>
        <v>58.1</v>
      </c>
      <c r="N40" s="35">
        <f t="shared" si="8"/>
        <v>57.4</v>
      </c>
      <c r="O40" s="35">
        <f t="shared" si="8"/>
        <v>57.4</v>
      </c>
      <c r="P40" s="35">
        <f t="shared" si="8"/>
        <v>57.2</v>
      </c>
      <c r="Q40" s="35">
        <f t="shared" si="8"/>
        <v>57.2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17.5</v>
      </c>
      <c r="H41" s="37">
        <f t="shared" si="9"/>
        <v>20.399999999999999</v>
      </c>
      <c r="I41" s="37">
        <f t="shared" si="9"/>
        <v>26.8</v>
      </c>
      <c r="J41" s="37">
        <f t="shared" si="9"/>
        <v>27.4</v>
      </c>
      <c r="K41" s="37">
        <f t="shared" si="9"/>
        <v>28.4</v>
      </c>
      <c r="L41" s="37">
        <f t="shared" si="9"/>
        <v>28.8</v>
      </c>
      <c r="M41" s="37">
        <f t="shared" si="9"/>
        <v>28.9</v>
      </c>
      <c r="N41" s="37">
        <f t="shared" si="9"/>
        <v>29.1</v>
      </c>
      <c r="O41" s="37">
        <f t="shared" si="9"/>
        <v>28.7</v>
      </c>
      <c r="P41" s="37">
        <f t="shared" si="9"/>
        <v>28.8</v>
      </c>
      <c r="Q41" s="37">
        <f t="shared" si="9"/>
        <v>29.1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5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91</v>
      </c>
      <c r="H84" s="8">
        <v>56</v>
      </c>
      <c r="I84" s="8">
        <v>69</v>
      </c>
      <c r="J84" s="8">
        <v>77</v>
      </c>
      <c r="K84" s="8">
        <v>67</v>
      </c>
      <c r="L84" s="8">
        <v>70</v>
      </c>
      <c r="M84" s="8">
        <v>82</v>
      </c>
      <c r="N84" s="21">
        <v>93</v>
      </c>
      <c r="O84" s="21">
        <v>105</v>
      </c>
      <c r="P84" s="21">
        <v>104</v>
      </c>
      <c r="Q84" s="21">
        <v>91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49</v>
      </c>
      <c r="H85" s="8">
        <v>93</v>
      </c>
      <c r="I85" s="8">
        <v>69</v>
      </c>
      <c r="J85" s="8">
        <v>76</v>
      </c>
      <c r="K85" s="8">
        <v>68</v>
      </c>
      <c r="L85" s="8">
        <v>72</v>
      </c>
      <c r="M85" s="8">
        <v>78</v>
      </c>
      <c r="N85" s="21">
        <v>85</v>
      </c>
      <c r="O85" s="21">
        <v>93</v>
      </c>
      <c r="P85" s="21">
        <v>95</v>
      </c>
      <c r="Q85" s="21">
        <v>99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84</v>
      </c>
      <c r="H86" s="8">
        <v>44</v>
      </c>
      <c r="I86" s="8">
        <v>91</v>
      </c>
      <c r="J86" s="8">
        <v>83</v>
      </c>
      <c r="K86" s="8">
        <v>80</v>
      </c>
      <c r="L86" s="8">
        <v>82</v>
      </c>
      <c r="M86" s="8">
        <v>78</v>
      </c>
      <c r="N86" s="21">
        <v>71</v>
      </c>
      <c r="O86" s="21">
        <v>75</v>
      </c>
      <c r="P86" s="21">
        <v>69</v>
      </c>
      <c r="Q86" s="21">
        <v>75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82</v>
      </c>
      <c r="H87" s="11">
        <v>75</v>
      </c>
      <c r="I87" s="11">
        <v>42</v>
      </c>
      <c r="J87" s="11">
        <v>51</v>
      </c>
      <c r="K87" s="11">
        <v>64</v>
      </c>
      <c r="L87" s="11">
        <v>69</v>
      </c>
      <c r="M87" s="11">
        <v>87</v>
      </c>
      <c r="N87" s="22">
        <v>94</v>
      </c>
      <c r="O87" s="22">
        <v>85</v>
      </c>
      <c r="P87" s="22">
        <v>86</v>
      </c>
      <c r="Q87" s="22">
        <v>86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98</v>
      </c>
      <c r="H88" s="11">
        <v>81</v>
      </c>
      <c r="I88" s="11">
        <v>61</v>
      </c>
      <c r="J88" s="11">
        <v>59</v>
      </c>
      <c r="K88" s="11">
        <v>69</v>
      </c>
      <c r="L88" s="11">
        <v>70</v>
      </c>
      <c r="M88" s="11">
        <v>61</v>
      </c>
      <c r="N88" s="22">
        <v>50</v>
      </c>
      <c r="O88" s="22">
        <v>57</v>
      </c>
      <c r="P88" s="22">
        <v>67</v>
      </c>
      <c r="Q88" s="22">
        <v>70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18</v>
      </c>
      <c r="H89" s="11">
        <v>95</v>
      </c>
      <c r="I89" s="11">
        <v>87</v>
      </c>
      <c r="J89" s="11">
        <v>86</v>
      </c>
      <c r="K89" s="11">
        <v>72</v>
      </c>
      <c r="L89" s="11">
        <v>90</v>
      </c>
      <c r="M89" s="11">
        <v>89</v>
      </c>
      <c r="N89" s="22">
        <v>93</v>
      </c>
      <c r="O89" s="22">
        <v>86</v>
      </c>
      <c r="P89" s="22">
        <v>92</v>
      </c>
      <c r="Q89" s="22">
        <v>86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20</v>
      </c>
      <c r="H90" s="11">
        <v>121</v>
      </c>
      <c r="I90" s="11">
        <v>100</v>
      </c>
      <c r="J90" s="11">
        <v>99</v>
      </c>
      <c r="K90" s="11">
        <v>104</v>
      </c>
      <c r="L90" s="11">
        <v>93</v>
      </c>
      <c r="M90" s="11">
        <v>108</v>
      </c>
      <c r="N90" s="22">
        <v>110</v>
      </c>
      <c r="O90" s="22">
        <v>115</v>
      </c>
      <c r="P90" s="22">
        <v>101</v>
      </c>
      <c r="Q90" s="22">
        <v>107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91</v>
      </c>
      <c r="H91" s="11">
        <v>129</v>
      </c>
      <c r="I91" s="11">
        <v>149</v>
      </c>
      <c r="J91" s="11">
        <v>153</v>
      </c>
      <c r="K91" s="11">
        <v>148</v>
      </c>
      <c r="L91" s="11">
        <v>130</v>
      </c>
      <c r="M91" s="11">
        <v>119</v>
      </c>
      <c r="N91" s="22">
        <v>121</v>
      </c>
      <c r="O91" s="22">
        <v>124</v>
      </c>
      <c r="P91" s="22">
        <v>130</v>
      </c>
      <c r="Q91" s="22">
        <v>112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87</v>
      </c>
      <c r="H92" s="11">
        <v>87</v>
      </c>
      <c r="I92" s="11">
        <v>130</v>
      </c>
      <c r="J92" s="11">
        <v>138</v>
      </c>
      <c r="K92" s="11">
        <v>141</v>
      </c>
      <c r="L92" s="11">
        <v>164</v>
      </c>
      <c r="M92" s="11">
        <v>161</v>
      </c>
      <c r="N92" s="22">
        <v>155</v>
      </c>
      <c r="O92" s="22">
        <v>153</v>
      </c>
      <c r="P92" s="22">
        <v>149</v>
      </c>
      <c r="Q92" s="22">
        <v>137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82</v>
      </c>
      <c r="H93" s="11">
        <v>88</v>
      </c>
      <c r="I93" s="11">
        <v>89</v>
      </c>
      <c r="J93" s="11">
        <v>86</v>
      </c>
      <c r="K93" s="11">
        <v>88</v>
      </c>
      <c r="L93" s="11">
        <v>98</v>
      </c>
      <c r="M93" s="11">
        <v>118</v>
      </c>
      <c r="N93" s="22">
        <v>128</v>
      </c>
      <c r="O93" s="22">
        <v>143</v>
      </c>
      <c r="P93" s="22">
        <v>152</v>
      </c>
      <c r="Q93" s="22">
        <v>171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42</v>
      </c>
      <c r="H94" s="11">
        <v>84</v>
      </c>
      <c r="I94" s="11">
        <v>87</v>
      </c>
      <c r="J94" s="11">
        <v>92</v>
      </c>
      <c r="K94" s="11">
        <v>96</v>
      </c>
      <c r="L94" s="11">
        <v>86</v>
      </c>
      <c r="M94" s="11">
        <v>87</v>
      </c>
      <c r="N94" s="22">
        <v>92</v>
      </c>
      <c r="O94" s="22">
        <v>90</v>
      </c>
      <c r="P94" s="22">
        <v>96</v>
      </c>
      <c r="Q94" s="22">
        <v>98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177</v>
      </c>
      <c r="H95" s="11">
        <v>136</v>
      </c>
      <c r="I95" s="11">
        <v>82</v>
      </c>
      <c r="J95" s="11">
        <v>76</v>
      </c>
      <c r="K95" s="11">
        <v>70</v>
      </c>
      <c r="L95" s="11">
        <v>84</v>
      </c>
      <c r="M95" s="11">
        <v>91</v>
      </c>
      <c r="N95" s="22">
        <v>87</v>
      </c>
      <c r="O95" s="22">
        <v>91</v>
      </c>
      <c r="P95" s="22">
        <v>96</v>
      </c>
      <c r="Q95" s="22">
        <v>91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24</v>
      </c>
      <c r="H96" s="11">
        <v>171</v>
      </c>
      <c r="I96" s="11">
        <v>132</v>
      </c>
      <c r="J96" s="11">
        <v>127</v>
      </c>
      <c r="K96" s="11">
        <v>118</v>
      </c>
      <c r="L96" s="11">
        <v>94</v>
      </c>
      <c r="M96" s="11">
        <v>89</v>
      </c>
      <c r="N96" s="22">
        <v>88</v>
      </c>
      <c r="O96" s="22">
        <v>80</v>
      </c>
      <c r="P96" s="22">
        <v>70</v>
      </c>
      <c r="Q96" s="22">
        <v>86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69</v>
      </c>
      <c r="H97" s="14">
        <v>119</v>
      </c>
      <c r="I97" s="14">
        <v>173</v>
      </c>
      <c r="J97" s="14">
        <v>182</v>
      </c>
      <c r="K97" s="14">
        <v>181</v>
      </c>
      <c r="L97" s="14">
        <v>169</v>
      </c>
      <c r="M97" s="14">
        <v>148</v>
      </c>
      <c r="N97" s="23">
        <v>128</v>
      </c>
      <c r="O97" s="23">
        <v>121</v>
      </c>
      <c r="P97" s="23">
        <v>113</v>
      </c>
      <c r="Q97" s="23">
        <v>89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53</v>
      </c>
      <c r="H98" s="14">
        <v>63</v>
      </c>
      <c r="I98" s="14">
        <v>108</v>
      </c>
      <c r="J98" s="14">
        <v>99</v>
      </c>
      <c r="K98" s="14">
        <v>110</v>
      </c>
      <c r="L98" s="14">
        <v>124</v>
      </c>
      <c r="M98" s="14">
        <v>144</v>
      </c>
      <c r="N98" s="23">
        <v>159</v>
      </c>
      <c r="O98" s="23">
        <v>167</v>
      </c>
      <c r="P98" s="23">
        <v>168</v>
      </c>
      <c r="Q98" s="23">
        <v>160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56</v>
      </c>
      <c r="H99" s="14">
        <v>41</v>
      </c>
      <c r="I99" s="14">
        <v>56</v>
      </c>
      <c r="J99" s="14">
        <v>63</v>
      </c>
      <c r="K99" s="14">
        <v>75</v>
      </c>
      <c r="L99" s="14">
        <v>81</v>
      </c>
      <c r="M99" s="14">
        <v>92</v>
      </c>
      <c r="N99" s="23">
        <v>95</v>
      </c>
      <c r="O99" s="23">
        <v>90</v>
      </c>
      <c r="P99" s="23">
        <v>94</v>
      </c>
      <c r="Q99" s="23">
        <v>112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34</v>
      </c>
      <c r="H100" s="14">
        <v>39</v>
      </c>
      <c r="I100" s="14">
        <v>33</v>
      </c>
      <c r="J100" s="14">
        <v>35</v>
      </c>
      <c r="K100" s="14">
        <v>32</v>
      </c>
      <c r="L100" s="14">
        <v>46</v>
      </c>
      <c r="M100" s="14">
        <v>49</v>
      </c>
      <c r="N100" s="23">
        <v>49</v>
      </c>
      <c r="O100" s="23">
        <v>57</v>
      </c>
      <c r="P100" s="23">
        <v>64</v>
      </c>
      <c r="Q100" s="23">
        <v>65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0</v>
      </c>
      <c r="H101" s="14">
        <v>23</v>
      </c>
      <c r="I101" s="14">
        <v>27</v>
      </c>
      <c r="J101" s="14">
        <v>31</v>
      </c>
      <c r="K101" s="14">
        <v>26</v>
      </c>
      <c r="L101" s="14">
        <v>21</v>
      </c>
      <c r="M101" s="14">
        <v>16</v>
      </c>
      <c r="N101" s="23">
        <v>19</v>
      </c>
      <c r="O101" s="23">
        <v>22</v>
      </c>
      <c r="P101" s="23">
        <v>23</v>
      </c>
      <c r="Q101" s="23">
        <v>34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6</v>
      </c>
      <c r="H102" s="14">
        <v>5</v>
      </c>
      <c r="I102" s="14">
        <v>11</v>
      </c>
      <c r="J102" s="14">
        <v>12</v>
      </c>
      <c r="K102" s="14">
        <v>14</v>
      </c>
      <c r="L102" s="14">
        <v>13</v>
      </c>
      <c r="M102" s="14">
        <v>16</v>
      </c>
      <c r="N102" s="23">
        <v>18</v>
      </c>
      <c r="O102" s="23">
        <v>18</v>
      </c>
      <c r="P102" s="23">
        <v>16</v>
      </c>
      <c r="Q102" s="23">
        <v>11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1</v>
      </c>
      <c r="I103" s="14">
        <v>1</v>
      </c>
      <c r="J103" s="14">
        <v>1</v>
      </c>
      <c r="K103" s="14">
        <v>1</v>
      </c>
      <c r="L103" s="14">
        <v>2</v>
      </c>
      <c r="M103" s="14">
        <v>2</v>
      </c>
      <c r="N103" s="23">
        <v>3</v>
      </c>
      <c r="O103" s="23">
        <v>4</v>
      </c>
      <c r="P103" s="23">
        <v>5</v>
      </c>
      <c r="Q103" s="23">
        <v>6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1</v>
      </c>
      <c r="J104" s="14">
        <v>1</v>
      </c>
      <c r="K104" s="14">
        <v>1</v>
      </c>
      <c r="L104" s="14">
        <v>1</v>
      </c>
      <c r="M104" s="14">
        <v>1</v>
      </c>
      <c r="N104" s="23">
        <v>1</v>
      </c>
      <c r="O104" s="23">
        <v>1</v>
      </c>
      <c r="P104" s="23">
        <v>1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573</v>
      </c>
      <c r="H105" s="17">
        <f t="shared" ref="H105:N105" si="10">SUM(H84:H104)</f>
        <v>1551</v>
      </c>
      <c r="I105" s="17">
        <f t="shared" si="10"/>
        <v>1598</v>
      </c>
      <c r="J105" s="17">
        <f t="shared" si="10"/>
        <v>1627</v>
      </c>
      <c r="K105" s="17">
        <f t="shared" si="10"/>
        <v>1625</v>
      </c>
      <c r="L105" s="17">
        <f t="shared" si="10"/>
        <v>1659</v>
      </c>
      <c r="M105" s="17">
        <f t="shared" si="10"/>
        <v>1716</v>
      </c>
      <c r="N105" s="17">
        <f t="shared" si="10"/>
        <v>1739</v>
      </c>
      <c r="O105" s="17">
        <f>SUM(O84:O104)</f>
        <v>1777</v>
      </c>
      <c r="P105" s="17">
        <f>SUM(P84:P104)</f>
        <v>1791</v>
      </c>
      <c r="Q105" s="17">
        <f>SUM(Q84:Q104)</f>
        <v>1786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224</v>
      </c>
      <c r="H110" s="8">
        <f t="shared" si="11"/>
        <v>193</v>
      </c>
      <c r="I110" s="8">
        <f t="shared" si="11"/>
        <v>229</v>
      </c>
      <c r="J110" s="8">
        <f t="shared" si="11"/>
        <v>236</v>
      </c>
      <c r="K110" s="8">
        <f t="shared" si="11"/>
        <v>215</v>
      </c>
      <c r="L110" s="8">
        <f t="shared" si="11"/>
        <v>224</v>
      </c>
      <c r="M110" s="8">
        <f t="shared" si="11"/>
        <v>238</v>
      </c>
      <c r="N110" s="8">
        <f t="shared" si="11"/>
        <v>249</v>
      </c>
      <c r="O110" s="8">
        <f t="shared" si="11"/>
        <v>273</v>
      </c>
      <c r="P110" s="8">
        <f t="shared" si="11"/>
        <v>268</v>
      </c>
      <c r="Q110" s="8">
        <v>265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121</v>
      </c>
      <c r="H111" s="11">
        <f t="shared" si="12"/>
        <v>1067</v>
      </c>
      <c r="I111" s="11">
        <f t="shared" si="12"/>
        <v>959</v>
      </c>
      <c r="J111" s="11">
        <f t="shared" si="12"/>
        <v>967</v>
      </c>
      <c r="K111" s="11">
        <f t="shared" si="12"/>
        <v>970</v>
      </c>
      <c r="L111" s="11">
        <f t="shared" si="12"/>
        <v>978</v>
      </c>
      <c r="M111" s="11">
        <f t="shared" si="12"/>
        <v>1010</v>
      </c>
      <c r="N111" s="11">
        <f t="shared" si="12"/>
        <v>1018</v>
      </c>
      <c r="O111" s="11">
        <f t="shared" si="12"/>
        <v>1024</v>
      </c>
      <c r="P111" s="11">
        <f t="shared" si="12"/>
        <v>1039</v>
      </c>
      <c r="Q111" s="11">
        <v>1044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28</v>
      </c>
      <c r="H112" s="14">
        <f t="shared" si="13"/>
        <v>291</v>
      </c>
      <c r="I112" s="14">
        <f t="shared" si="13"/>
        <v>410</v>
      </c>
      <c r="J112" s="14">
        <f t="shared" si="13"/>
        <v>424</v>
      </c>
      <c r="K112" s="14">
        <f t="shared" si="13"/>
        <v>440</v>
      </c>
      <c r="L112" s="14">
        <f t="shared" si="13"/>
        <v>457</v>
      </c>
      <c r="M112" s="14">
        <f t="shared" si="13"/>
        <v>468</v>
      </c>
      <c r="N112" s="14">
        <f t="shared" si="13"/>
        <v>472</v>
      </c>
      <c r="O112" s="14">
        <f t="shared" si="13"/>
        <v>480</v>
      </c>
      <c r="P112" s="14">
        <f t="shared" si="13"/>
        <v>484</v>
      </c>
      <c r="Q112" s="14">
        <v>477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573</v>
      </c>
      <c r="H113" s="17">
        <f t="shared" ref="H113:N113" si="14">SUM(H110:H112)</f>
        <v>1551</v>
      </c>
      <c r="I113" s="17">
        <f t="shared" si="14"/>
        <v>1598</v>
      </c>
      <c r="J113" s="17">
        <f t="shared" si="14"/>
        <v>1627</v>
      </c>
      <c r="K113" s="17">
        <f t="shared" si="14"/>
        <v>1625</v>
      </c>
      <c r="L113" s="17">
        <f t="shared" si="14"/>
        <v>1659</v>
      </c>
      <c r="M113" s="17">
        <f t="shared" si="14"/>
        <v>1716</v>
      </c>
      <c r="N113" s="17">
        <f t="shared" si="14"/>
        <v>1739</v>
      </c>
      <c r="O113" s="17">
        <f>SUM(O110:O112)</f>
        <v>1777</v>
      </c>
      <c r="P113" s="17">
        <f>SUM(P110:P112)</f>
        <v>1791</v>
      </c>
      <c r="Q113" s="17">
        <f>SUM(Q110:Q112)</f>
        <v>1786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4.2</v>
      </c>
      <c r="H118" s="49">
        <f t="shared" si="15"/>
        <v>12.4</v>
      </c>
      <c r="I118" s="49">
        <f t="shared" si="15"/>
        <v>14.3</v>
      </c>
      <c r="J118" s="49">
        <f t="shared" si="15"/>
        <v>14.5</v>
      </c>
      <c r="K118" s="49">
        <f t="shared" si="15"/>
        <v>13.2</v>
      </c>
      <c r="L118" s="49">
        <f t="shared" si="15"/>
        <v>13.5</v>
      </c>
      <c r="M118" s="49">
        <f t="shared" si="15"/>
        <v>13.9</v>
      </c>
      <c r="N118" s="49">
        <f t="shared" si="15"/>
        <v>14.3</v>
      </c>
      <c r="O118" s="49">
        <f t="shared" si="15"/>
        <v>15.4</v>
      </c>
      <c r="P118" s="49">
        <f t="shared" si="15"/>
        <v>15</v>
      </c>
      <c r="Q118" s="49">
        <f t="shared" si="15"/>
        <v>14.8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71.3</v>
      </c>
      <c r="H119" s="50">
        <f t="shared" si="16"/>
        <v>68.8</v>
      </c>
      <c r="I119" s="50">
        <f t="shared" si="16"/>
        <v>60</v>
      </c>
      <c r="J119" s="50">
        <f t="shared" si="16"/>
        <v>59.4</v>
      </c>
      <c r="K119" s="50">
        <f t="shared" si="16"/>
        <v>59.7</v>
      </c>
      <c r="L119" s="50">
        <f t="shared" si="16"/>
        <v>59</v>
      </c>
      <c r="M119" s="50">
        <f t="shared" si="16"/>
        <v>58.9</v>
      </c>
      <c r="N119" s="50">
        <f t="shared" si="16"/>
        <v>58.5</v>
      </c>
      <c r="O119" s="50">
        <f t="shared" si="16"/>
        <v>57.6</v>
      </c>
      <c r="P119" s="50">
        <f t="shared" si="16"/>
        <v>58</v>
      </c>
      <c r="Q119" s="50">
        <f t="shared" si="16"/>
        <v>58.5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4.5</v>
      </c>
      <c r="H120" s="51">
        <f t="shared" si="17"/>
        <v>18.8</v>
      </c>
      <c r="I120" s="51">
        <f t="shared" si="17"/>
        <v>25.7</v>
      </c>
      <c r="J120" s="51">
        <f t="shared" si="17"/>
        <v>26.1</v>
      </c>
      <c r="K120" s="51">
        <f t="shared" si="17"/>
        <v>27.1</v>
      </c>
      <c r="L120" s="51">
        <f t="shared" si="17"/>
        <v>27.5</v>
      </c>
      <c r="M120" s="51">
        <f t="shared" si="17"/>
        <v>27.3</v>
      </c>
      <c r="N120" s="51">
        <f t="shared" si="17"/>
        <v>27.1</v>
      </c>
      <c r="O120" s="51">
        <f t="shared" si="17"/>
        <v>27</v>
      </c>
      <c r="P120" s="51">
        <f t="shared" si="17"/>
        <v>27</v>
      </c>
      <c r="Q120" s="51">
        <f t="shared" si="17"/>
        <v>26.7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6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53</v>
      </c>
      <c r="H130" s="8">
        <v>50</v>
      </c>
      <c r="I130" s="8">
        <v>66</v>
      </c>
      <c r="J130" s="8">
        <v>69</v>
      </c>
      <c r="K130" s="8">
        <v>73</v>
      </c>
      <c r="L130" s="8">
        <v>67</v>
      </c>
      <c r="M130" s="8">
        <v>74</v>
      </c>
      <c r="N130" s="21">
        <v>78</v>
      </c>
      <c r="O130" s="21">
        <v>80</v>
      </c>
      <c r="P130" s="21">
        <v>81</v>
      </c>
      <c r="Q130" s="21">
        <v>76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72</v>
      </c>
      <c r="H131" s="8">
        <v>65</v>
      </c>
      <c r="I131" s="8">
        <v>76</v>
      </c>
      <c r="J131" s="8">
        <v>78</v>
      </c>
      <c r="K131" s="8">
        <v>80</v>
      </c>
      <c r="L131" s="8">
        <v>76</v>
      </c>
      <c r="M131" s="8">
        <v>72</v>
      </c>
      <c r="N131" s="21">
        <v>74</v>
      </c>
      <c r="O131" s="21">
        <v>71</v>
      </c>
      <c r="P131" s="21">
        <v>76</v>
      </c>
      <c r="Q131" s="21">
        <v>79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76</v>
      </c>
      <c r="H132" s="8">
        <v>72</v>
      </c>
      <c r="I132" s="8">
        <v>67</v>
      </c>
      <c r="J132" s="8">
        <v>68</v>
      </c>
      <c r="K132" s="8">
        <v>61</v>
      </c>
      <c r="L132" s="8">
        <v>64</v>
      </c>
      <c r="M132" s="8">
        <v>72</v>
      </c>
      <c r="N132" s="21">
        <v>76</v>
      </c>
      <c r="O132" s="21">
        <v>81</v>
      </c>
      <c r="P132" s="21">
        <v>86</v>
      </c>
      <c r="Q132" s="21">
        <v>79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71</v>
      </c>
      <c r="H133" s="11">
        <v>73</v>
      </c>
      <c r="I133" s="11">
        <v>74</v>
      </c>
      <c r="J133" s="11">
        <v>67</v>
      </c>
      <c r="K133" s="11">
        <v>69</v>
      </c>
      <c r="L133" s="11">
        <v>79</v>
      </c>
      <c r="M133" s="11">
        <v>72</v>
      </c>
      <c r="N133" s="22">
        <v>60</v>
      </c>
      <c r="O133" s="22">
        <v>70</v>
      </c>
      <c r="P133" s="22">
        <v>65</v>
      </c>
      <c r="Q133" s="22">
        <v>66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04</v>
      </c>
      <c r="H134" s="11">
        <v>69</v>
      </c>
      <c r="I134" s="11">
        <v>69</v>
      </c>
      <c r="J134" s="11">
        <v>72</v>
      </c>
      <c r="K134" s="11">
        <v>84</v>
      </c>
      <c r="L134" s="11">
        <v>82</v>
      </c>
      <c r="M134" s="11">
        <v>79</v>
      </c>
      <c r="N134" s="22">
        <v>82</v>
      </c>
      <c r="O134" s="22">
        <v>91</v>
      </c>
      <c r="P134" s="22">
        <v>94</v>
      </c>
      <c r="Q134" s="22">
        <v>90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94</v>
      </c>
      <c r="H135" s="11">
        <v>100</v>
      </c>
      <c r="I135" s="11">
        <v>85</v>
      </c>
      <c r="J135" s="11">
        <v>84</v>
      </c>
      <c r="K135" s="11">
        <v>80</v>
      </c>
      <c r="L135" s="11">
        <v>86</v>
      </c>
      <c r="M135" s="11">
        <v>106</v>
      </c>
      <c r="N135" s="22">
        <v>105</v>
      </c>
      <c r="O135" s="22">
        <v>106</v>
      </c>
      <c r="P135" s="22">
        <v>99</v>
      </c>
      <c r="Q135" s="22">
        <v>95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35</v>
      </c>
      <c r="H136" s="11">
        <v>100</v>
      </c>
      <c r="I136" s="11">
        <v>100</v>
      </c>
      <c r="J136" s="11">
        <v>101</v>
      </c>
      <c r="K136" s="11">
        <v>103</v>
      </c>
      <c r="L136" s="11">
        <v>97</v>
      </c>
      <c r="M136" s="11">
        <v>102</v>
      </c>
      <c r="N136" s="22">
        <v>102</v>
      </c>
      <c r="O136" s="22">
        <v>99</v>
      </c>
      <c r="P136" s="22">
        <v>104</v>
      </c>
      <c r="Q136" s="22">
        <v>100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90</v>
      </c>
      <c r="H137" s="11">
        <v>141</v>
      </c>
      <c r="I137" s="11">
        <v>120</v>
      </c>
      <c r="J137" s="11">
        <v>120</v>
      </c>
      <c r="K137" s="11">
        <v>124</v>
      </c>
      <c r="L137" s="11">
        <v>119</v>
      </c>
      <c r="M137" s="11">
        <v>106</v>
      </c>
      <c r="N137" s="22">
        <v>113</v>
      </c>
      <c r="O137" s="22">
        <v>127</v>
      </c>
      <c r="P137" s="22">
        <v>120</v>
      </c>
      <c r="Q137" s="22">
        <v>109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84</v>
      </c>
      <c r="H138" s="11">
        <v>82</v>
      </c>
      <c r="I138" s="11">
        <v>134</v>
      </c>
      <c r="J138" s="11">
        <v>129</v>
      </c>
      <c r="K138" s="11">
        <v>131</v>
      </c>
      <c r="L138" s="11">
        <v>138</v>
      </c>
      <c r="M138" s="11">
        <v>132</v>
      </c>
      <c r="N138" s="22">
        <v>126</v>
      </c>
      <c r="O138" s="22">
        <v>120</v>
      </c>
      <c r="P138" s="22">
        <v>131</v>
      </c>
      <c r="Q138" s="22">
        <v>127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99</v>
      </c>
      <c r="H139" s="11">
        <v>87</v>
      </c>
      <c r="I139" s="11">
        <v>89</v>
      </c>
      <c r="J139" s="11">
        <v>98</v>
      </c>
      <c r="K139" s="11">
        <v>100</v>
      </c>
      <c r="L139" s="11">
        <v>104</v>
      </c>
      <c r="M139" s="11">
        <v>113</v>
      </c>
      <c r="N139" s="22">
        <v>129</v>
      </c>
      <c r="O139" s="22">
        <v>134</v>
      </c>
      <c r="P139" s="22">
        <v>146</v>
      </c>
      <c r="Q139" s="22">
        <v>150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51</v>
      </c>
      <c r="H140" s="11">
        <v>102</v>
      </c>
      <c r="I140" s="11">
        <v>87</v>
      </c>
      <c r="J140" s="11">
        <v>81</v>
      </c>
      <c r="K140" s="11">
        <v>84</v>
      </c>
      <c r="L140" s="11">
        <v>79</v>
      </c>
      <c r="M140" s="11">
        <v>90</v>
      </c>
      <c r="N140" s="22">
        <v>91</v>
      </c>
      <c r="O140" s="22">
        <v>104</v>
      </c>
      <c r="P140" s="22">
        <v>102</v>
      </c>
      <c r="Q140" s="22">
        <v>106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66</v>
      </c>
      <c r="H141" s="11">
        <v>148</v>
      </c>
      <c r="I141" s="11">
        <v>106</v>
      </c>
      <c r="J141" s="11">
        <v>110</v>
      </c>
      <c r="K141" s="11">
        <v>100</v>
      </c>
      <c r="L141" s="11">
        <v>99</v>
      </c>
      <c r="M141" s="11">
        <v>100</v>
      </c>
      <c r="N141" s="22">
        <v>96</v>
      </c>
      <c r="O141" s="22">
        <v>85</v>
      </c>
      <c r="P141" s="22">
        <v>87</v>
      </c>
      <c r="Q141" s="22">
        <v>84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96</v>
      </c>
      <c r="H142" s="11">
        <v>173</v>
      </c>
      <c r="I142" s="11">
        <v>154</v>
      </c>
      <c r="J142" s="11">
        <v>142</v>
      </c>
      <c r="K142" s="11">
        <v>130</v>
      </c>
      <c r="L142" s="11">
        <v>128</v>
      </c>
      <c r="M142" s="11">
        <v>119</v>
      </c>
      <c r="N142" s="22">
        <v>112</v>
      </c>
      <c r="O142" s="22">
        <v>119</v>
      </c>
      <c r="P142" s="22">
        <v>105</v>
      </c>
      <c r="Q142" s="22">
        <v>103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73</v>
      </c>
      <c r="H143" s="14">
        <v>92</v>
      </c>
      <c r="I143" s="14">
        <v>168</v>
      </c>
      <c r="J143" s="14">
        <v>176</v>
      </c>
      <c r="K143" s="14">
        <v>173</v>
      </c>
      <c r="L143" s="14">
        <v>167</v>
      </c>
      <c r="M143" s="14">
        <v>152</v>
      </c>
      <c r="N143" s="23">
        <v>153</v>
      </c>
      <c r="O143" s="23">
        <v>141</v>
      </c>
      <c r="P143" s="23">
        <v>129</v>
      </c>
      <c r="Q143" s="23">
        <v>131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90</v>
      </c>
      <c r="H144" s="14">
        <v>73</v>
      </c>
      <c r="I144" s="14">
        <v>87</v>
      </c>
      <c r="J144" s="14">
        <v>90</v>
      </c>
      <c r="K144" s="14">
        <v>112</v>
      </c>
      <c r="L144" s="14">
        <v>130</v>
      </c>
      <c r="M144" s="14">
        <v>144</v>
      </c>
      <c r="N144" s="23">
        <v>155</v>
      </c>
      <c r="O144" s="23">
        <v>164</v>
      </c>
      <c r="P144" s="23">
        <v>165</v>
      </c>
      <c r="Q144" s="23">
        <v>158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78</v>
      </c>
      <c r="H145" s="14">
        <v>81</v>
      </c>
      <c r="I145" s="14">
        <v>69</v>
      </c>
      <c r="J145" s="14">
        <v>73</v>
      </c>
      <c r="K145" s="14">
        <v>78</v>
      </c>
      <c r="L145" s="14">
        <v>77</v>
      </c>
      <c r="M145" s="14">
        <v>89</v>
      </c>
      <c r="N145" s="23">
        <v>87</v>
      </c>
      <c r="O145" s="23">
        <v>88</v>
      </c>
      <c r="P145" s="23">
        <v>108</v>
      </c>
      <c r="Q145" s="23">
        <v>121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39</v>
      </c>
      <c r="H146" s="14">
        <v>69</v>
      </c>
      <c r="I146" s="14">
        <v>75</v>
      </c>
      <c r="J146" s="14">
        <v>74</v>
      </c>
      <c r="K146" s="14">
        <v>65</v>
      </c>
      <c r="L146" s="14">
        <v>66</v>
      </c>
      <c r="M146" s="14">
        <v>65</v>
      </c>
      <c r="N146" s="23">
        <v>65</v>
      </c>
      <c r="O146" s="23">
        <v>64</v>
      </c>
      <c r="P146" s="23">
        <v>70</v>
      </c>
      <c r="Q146" s="23">
        <v>73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31</v>
      </c>
      <c r="H147" s="14">
        <v>26</v>
      </c>
      <c r="I147" s="14">
        <v>58</v>
      </c>
      <c r="J147" s="14">
        <v>52</v>
      </c>
      <c r="K147" s="14">
        <v>59</v>
      </c>
      <c r="L147" s="14">
        <v>53</v>
      </c>
      <c r="M147" s="14">
        <v>52</v>
      </c>
      <c r="N147" s="23">
        <v>57</v>
      </c>
      <c r="O147" s="23">
        <v>58</v>
      </c>
      <c r="P147" s="23">
        <v>54</v>
      </c>
      <c r="Q147" s="23">
        <v>51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20</v>
      </c>
      <c r="H148" s="14">
        <v>11</v>
      </c>
      <c r="I148" s="14">
        <v>13</v>
      </c>
      <c r="J148" s="14">
        <v>19</v>
      </c>
      <c r="K148" s="14">
        <v>25</v>
      </c>
      <c r="L148" s="14">
        <v>29</v>
      </c>
      <c r="M148" s="14">
        <v>35</v>
      </c>
      <c r="N148" s="23">
        <v>35</v>
      </c>
      <c r="O148" s="23">
        <v>33</v>
      </c>
      <c r="P148" s="23">
        <v>32</v>
      </c>
      <c r="Q148" s="23">
        <v>30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0</v>
      </c>
      <c r="H149" s="14">
        <v>5</v>
      </c>
      <c r="I149" s="14">
        <v>3</v>
      </c>
      <c r="J149" s="14">
        <v>4</v>
      </c>
      <c r="K149" s="14">
        <v>3</v>
      </c>
      <c r="L149" s="14">
        <v>2</v>
      </c>
      <c r="M149" s="14">
        <v>2</v>
      </c>
      <c r="N149" s="23">
        <v>6</v>
      </c>
      <c r="O149" s="23">
        <v>10</v>
      </c>
      <c r="P149" s="23">
        <v>11</v>
      </c>
      <c r="Q149" s="23">
        <v>14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1</v>
      </c>
      <c r="H150" s="14">
        <v>0</v>
      </c>
      <c r="I150" s="14">
        <v>1</v>
      </c>
      <c r="J150" s="14">
        <v>0</v>
      </c>
      <c r="K150" s="14">
        <v>0</v>
      </c>
      <c r="L150" s="14">
        <v>0</v>
      </c>
      <c r="M150" s="14">
        <v>2</v>
      </c>
      <c r="N150" s="23">
        <v>1</v>
      </c>
      <c r="O150" s="23">
        <v>1</v>
      </c>
      <c r="P150" s="23">
        <v>1</v>
      </c>
      <c r="Q150" s="23">
        <v>0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623</v>
      </c>
      <c r="H151" s="17">
        <f t="shared" ref="H151:N151" si="18">SUM(H130:H150)</f>
        <v>1619</v>
      </c>
      <c r="I151" s="17">
        <f t="shared" si="18"/>
        <v>1701</v>
      </c>
      <c r="J151" s="17">
        <f t="shared" si="18"/>
        <v>1707</v>
      </c>
      <c r="K151" s="17">
        <f t="shared" si="18"/>
        <v>1734</v>
      </c>
      <c r="L151" s="17">
        <f t="shared" si="18"/>
        <v>1742</v>
      </c>
      <c r="M151" s="17">
        <f t="shared" si="18"/>
        <v>1778</v>
      </c>
      <c r="N151" s="17">
        <f t="shared" si="18"/>
        <v>1803</v>
      </c>
      <c r="O151" s="17">
        <f>SUM(O130:O150)</f>
        <v>1846</v>
      </c>
      <c r="P151" s="17">
        <f>SUM(P130:P150)</f>
        <v>1866</v>
      </c>
      <c r="Q151" s="17">
        <f>SUM(Q130:Q150)</f>
        <v>1842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201</v>
      </c>
      <c r="H156" s="8">
        <f t="shared" si="19"/>
        <v>187</v>
      </c>
      <c r="I156" s="8">
        <f t="shared" si="19"/>
        <v>209</v>
      </c>
      <c r="J156" s="8">
        <f t="shared" si="19"/>
        <v>215</v>
      </c>
      <c r="K156" s="8">
        <f t="shared" si="19"/>
        <v>214</v>
      </c>
      <c r="L156" s="8">
        <f t="shared" si="19"/>
        <v>207</v>
      </c>
      <c r="M156" s="8">
        <f t="shared" si="19"/>
        <v>218</v>
      </c>
      <c r="N156" s="8">
        <f t="shared" si="19"/>
        <v>228</v>
      </c>
      <c r="O156" s="8">
        <f t="shared" si="19"/>
        <v>232</v>
      </c>
      <c r="P156" s="8">
        <f t="shared" si="19"/>
        <v>243</v>
      </c>
      <c r="Q156" s="8">
        <v>234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090</v>
      </c>
      <c r="H157" s="11">
        <f t="shared" si="20"/>
        <v>1075</v>
      </c>
      <c r="I157" s="11">
        <f t="shared" si="20"/>
        <v>1018</v>
      </c>
      <c r="J157" s="11">
        <f t="shared" si="20"/>
        <v>1004</v>
      </c>
      <c r="K157" s="11">
        <f t="shared" si="20"/>
        <v>1005</v>
      </c>
      <c r="L157" s="11">
        <f t="shared" si="20"/>
        <v>1011</v>
      </c>
      <c r="M157" s="11">
        <f t="shared" si="20"/>
        <v>1019</v>
      </c>
      <c r="N157" s="11">
        <f t="shared" si="20"/>
        <v>1016</v>
      </c>
      <c r="O157" s="11">
        <f t="shared" si="20"/>
        <v>1055</v>
      </c>
      <c r="P157" s="11">
        <f t="shared" si="20"/>
        <v>1053</v>
      </c>
      <c r="Q157" s="11">
        <v>1030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332</v>
      </c>
      <c r="H158" s="14">
        <f t="shared" si="21"/>
        <v>357</v>
      </c>
      <c r="I158" s="14">
        <f t="shared" si="21"/>
        <v>474</v>
      </c>
      <c r="J158" s="14">
        <f t="shared" si="21"/>
        <v>488</v>
      </c>
      <c r="K158" s="14">
        <f t="shared" si="21"/>
        <v>515</v>
      </c>
      <c r="L158" s="14">
        <f t="shared" si="21"/>
        <v>524</v>
      </c>
      <c r="M158" s="14">
        <f t="shared" si="21"/>
        <v>541</v>
      </c>
      <c r="N158" s="14">
        <f t="shared" si="21"/>
        <v>559</v>
      </c>
      <c r="O158" s="14">
        <f t="shared" si="21"/>
        <v>559</v>
      </c>
      <c r="P158" s="14">
        <f t="shared" si="21"/>
        <v>570</v>
      </c>
      <c r="Q158" s="14">
        <v>578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623</v>
      </c>
      <c r="H159" s="17">
        <f t="shared" ref="H159:N159" si="22">SUM(H156:H158)</f>
        <v>1619</v>
      </c>
      <c r="I159" s="17">
        <f t="shared" si="22"/>
        <v>1701</v>
      </c>
      <c r="J159" s="17">
        <f t="shared" si="22"/>
        <v>1707</v>
      </c>
      <c r="K159" s="17">
        <f t="shared" si="22"/>
        <v>1734</v>
      </c>
      <c r="L159" s="17">
        <f t="shared" si="22"/>
        <v>1742</v>
      </c>
      <c r="M159" s="17">
        <f t="shared" si="22"/>
        <v>1778</v>
      </c>
      <c r="N159" s="17">
        <f t="shared" si="22"/>
        <v>1803</v>
      </c>
      <c r="O159" s="17">
        <f>SUM(O156:O158)</f>
        <v>1846</v>
      </c>
      <c r="P159" s="17">
        <f>SUM(P156:P158)</f>
        <v>1866</v>
      </c>
      <c r="Q159" s="17">
        <f>SUM(Q156:Q158)</f>
        <v>1842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2.4</v>
      </c>
      <c r="H164" s="49">
        <f t="shared" si="23"/>
        <v>11.6</v>
      </c>
      <c r="I164" s="49">
        <f t="shared" si="23"/>
        <v>12.3</v>
      </c>
      <c r="J164" s="49">
        <f t="shared" si="23"/>
        <v>12.6</v>
      </c>
      <c r="K164" s="49">
        <f t="shared" si="23"/>
        <v>12.3</v>
      </c>
      <c r="L164" s="49">
        <f t="shared" si="23"/>
        <v>11.9</v>
      </c>
      <c r="M164" s="49">
        <f t="shared" si="23"/>
        <v>12.3</v>
      </c>
      <c r="N164" s="49">
        <f t="shared" si="23"/>
        <v>12.6</v>
      </c>
      <c r="O164" s="49">
        <f t="shared" si="23"/>
        <v>12.6</v>
      </c>
      <c r="P164" s="49">
        <f t="shared" si="23"/>
        <v>13</v>
      </c>
      <c r="Q164" s="49">
        <f t="shared" si="23"/>
        <v>12.7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7.2</v>
      </c>
      <c r="H165" s="50">
        <f t="shared" si="24"/>
        <v>66.400000000000006</v>
      </c>
      <c r="I165" s="50">
        <f t="shared" si="24"/>
        <v>59.8</v>
      </c>
      <c r="J165" s="50">
        <f t="shared" si="24"/>
        <v>58.8</v>
      </c>
      <c r="K165" s="50">
        <f t="shared" si="24"/>
        <v>58</v>
      </c>
      <c r="L165" s="50">
        <f t="shared" si="24"/>
        <v>58</v>
      </c>
      <c r="M165" s="50">
        <f t="shared" si="24"/>
        <v>57.3</v>
      </c>
      <c r="N165" s="50">
        <f t="shared" si="24"/>
        <v>56.4</v>
      </c>
      <c r="O165" s="50">
        <f t="shared" si="24"/>
        <v>57.2</v>
      </c>
      <c r="P165" s="50">
        <f t="shared" si="24"/>
        <v>56.4</v>
      </c>
      <c r="Q165" s="50">
        <f t="shared" si="24"/>
        <v>55.9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0.5</v>
      </c>
      <c r="H166" s="51">
        <f t="shared" si="25"/>
        <v>22.1</v>
      </c>
      <c r="I166" s="51">
        <f t="shared" si="25"/>
        <v>27.9</v>
      </c>
      <c r="J166" s="51">
        <f t="shared" si="25"/>
        <v>28.6</v>
      </c>
      <c r="K166" s="51">
        <f t="shared" si="25"/>
        <v>29.7</v>
      </c>
      <c r="L166" s="51">
        <f t="shared" si="25"/>
        <v>30.1</v>
      </c>
      <c r="M166" s="51">
        <f t="shared" si="25"/>
        <v>30.4</v>
      </c>
      <c r="N166" s="51">
        <f t="shared" si="25"/>
        <v>31</v>
      </c>
      <c r="O166" s="51">
        <f t="shared" si="25"/>
        <v>30.3</v>
      </c>
      <c r="P166" s="51">
        <f t="shared" si="25"/>
        <v>30.5</v>
      </c>
      <c r="Q166" s="51">
        <f t="shared" si="25"/>
        <v>31.4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FAAD5B-9A6C-48E8-8E86-134A9030315D}">
  <sheetPr codeName="Sheet82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57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197</v>
      </c>
      <c r="H5" s="8">
        <f t="shared" si="0"/>
        <v>162</v>
      </c>
      <c r="I5" s="8">
        <f t="shared" si="0"/>
        <v>132</v>
      </c>
      <c r="J5" s="8">
        <f t="shared" si="0"/>
        <v>137</v>
      </c>
      <c r="K5" s="8">
        <f t="shared" si="0"/>
        <v>126</v>
      </c>
      <c r="L5" s="8">
        <f t="shared" si="0"/>
        <v>122</v>
      </c>
      <c r="M5" s="8">
        <f t="shared" si="0"/>
        <v>120</v>
      </c>
      <c r="N5" s="8">
        <f t="shared" si="0"/>
        <v>115</v>
      </c>
      <c r="O5" s="8">
        <f t="shared" si="0"/>
        <v>101</v>
      </c>
      <c r="P5" s="8">
        <f t="shared" si="0"/>
        <v>105</v>
      </c>
      <c r="Q5" s="8">
        <f t="shared" si="0"/>
        <v>101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205</v>
      </c>
      <c r="H6" s="8">
        <f t="shared" si="0"/>
        <v>198</v>
      </c>
      <c r="I6" s="8">
        <f t="shared" si="0"/>
        <v>161</v>
      </c>
      <c r="J6" s="8">
        <f t="shared" si="0"/>
        <v>156</v>
      </c>
      <c r="K6" s="8">
        <f t="shared" si="0"/>
        <v>175</v>
      </c>
      <c r="L6" s="8">
        <f t="shared" si="0"/>
        <v>174</v>
      </c>
      <c r="M6" s="8">
        <f t="shared" si="0"/>
        <v>166</v>
      </c>
      <c r="N6" s="8">
        <f t="shared" si="0"/>
        <v>160</v>
      </c>
      <c r="O6" s="8">
        <f t="shared" si="0"/>
        <v>167</v>
      </c>
      <c r="P6" s="8">
        <f t="shared" si="0"/>
        <v>149</v>
      </c>
      <c r="Q6" s="8">
        <f t="shared" si="0"/>
        <v>132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238</v>
      </c>
      <c r="H7" s="8">
        <f t="shared" si="0"/>
        <v>197</v>
      </c>
      <c r="I7" s="8">
        <f t="shared" si="0"/>
        <v>199</v>
      </c>
      <c r="J7" s="8">
        <f t="shared" si="0"/>
        <v>185</v>
      </c>
      <c r="K7" s="8">
        <f t="shared" si="0"/>
        <v>179</v>
      </c>
      <c r="L7" s="8">
        <f t="shared" si="0"/>
        <v>189</v>
      </c>
      <c r="M7" s="8">
        <f t="shared" si="0"/>
        <v>181</v>
      </c>
      <c r="N7" s="8">
        <f t="shared" si="0"/>
        <v>171</v>
      </c>
      <c r="O7" s="8">
        <f t="shared" si="0"/>
        <v>176</v>
      </c>
      <c r="P7" s="8">
        <f t="shared" si="0"/>
        <v>184</v>
      </c>
      <c r="Q7" s="8">
        <f t="shared" si="0"/>
        <v>185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259</v>
      </c>
      <c r="H8" s="11">
        <f t="shared" si="0"/>
        <v>253</v>
      </c>
      <c r="I8" s="11">
        <f t="shared" si="0"/>
        <v>199</v>
      </c>
      <c r="J8" s="11">
        <f t="shared" si="0"/>
        <v>211</v>
      </c>
      <c r="K8" s="11">
        <f t="shared" si="0"/>
        <v>210</v>
      </c>
      <c r="L8" s="11">
        <f t="shared" si="0"/>
        <v>189</v>
      </c>
      <c r="M8" s="11">
        <f t="shared" si="0"/>
        <v>201</v>
      </c>
      <c r="N8" s="11">
        <f t="shared" si="0"/>
        <v>188</v>
      </c>
      <c r="O8" s="11">
        <f t="shared" si="0"/>
        <v>170</v>
      </c>
      <c r="P8" s="11">
        <f t="shared" si="0"/>
        <v>173</v>
      </c>
      <c r="Q8" s="11">
        <f t="shared" si="0"/>
        <v>182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235</v>
      </c>
      <c r="H9" s="11">
        <f t="shared" si="0"/>
        <v>254</v>
      </c>
      <c r="I9" s="11">
        <f t="shared" si="0"/>
        <v>206</v>
      </c>
      <c r="J9" s="11">
        <f t="shared" si="0"/>
        <v>178</v>
      </c>
      <c r="K9" s="11">
        <f t="shared" si="0"/>
        <v>179</v>
      </c>
      <c r="L9" s="11">
        <f t="shared" si="0"/>
        <v>182</v>
      </c>
      <c r="M9" s="11">
        <f t="shared" si="0"/>
        <v>169</v>
      </c>
      <c r="N9" s="11">
        <f t="shared" si="0"/>
        <v>158</v>
      </c>
      <c r="O9" s="11">
        <f t="shared" si="0"/>
        <v>176</v>
      </c>
      <c r="P9" s="11">
        <f t="shared" si="0"/>
        <v>174</v>
      </c>
      <c r="Q9" s="11">
        <f t="shared" si="0"/>
        <v>155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261</v>
      </c>
      <c r="H10" s="11">
        <f t="shared" si="0"/>
        <v>197</v>
      </c>
      <c r="I10" s="11">
        <f t="shared" si="0"/>
        <v>193</v>
      </c>
      <c r="J10" s="11">
        <f t="shared" si="0"/>
        <v>162</v>
      </c>
      <c r="K10" s="11">
        <f t="shared" si="0"/>
        <v>154</v>
      </c>
      <c r="L10" s="11">
        <f t="shared" si="0"/>
        <v>144</v>
      </c>
      <c r="M10" s="11">
        <f t="shared" si="0"/>
        <v>153</v>
      </c>
      <c r="N10" s="11">
        <f t="shared" si="0"/>
        <v>153</v>
      </c>
      <c r="O10" s="11">
        <f t="shared" si="0"/>
        <v>136</v>
      </c>
      <c r="P10" s="11">
        <f t="shared" si="0"/>
        <v>144</v>
      </c>
      <c r="Q10" s="11">
        <f t="shared" si="0"/>
        <v>159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285</v>
      </c>
      <c r="H11" s="11">
        <f t="shared" si="0"/>
        <v>266</v>
      </c>
      <c r="I11" s="11">
        <f t="shared" si="0"/>
        <v>180</v>
      </c>
      <c r="J11" s="11">
        <f t="shared" si="0"/>
        <v>190</v>
      </c>
      <c r="K11" s="11">
        <f t="shared" si="0"/>
        <v>192</v>
      </c>
      <c r="L11" s="11">
        <f t="shared" si="0"/>
        <v>195</v>
      </c>
      <c r="M11" s="11">
        <f t="shared" si="0"/>
        <v>197</v>
      </c>
      <c r="N11" s="11">
        <f t="shared" si="0"/>
        <v>174</v>
      </c>
      <c r="O11" s="11">
        <f t="shared" si="0"/>
        <v>156</v>
      </c>
      <c r="P11" s="11">
        <f t="shared" si="0"/>
        <v>164</v>
      </c>
      <c r="Q11" s="11">
        <f t="shared" si="0"/>
        <v>152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253</v>
      </c>
      <c r="H12" s="11">
        <f t="shared" si="0"/>
        <v>302</v>
      </c>
      <c r="I12" s="11">
        <f t="shared" si="0"/>
        <v>238</v>
      </c>
      <c r="J12" s="11">
        <f t="shared" si="0"/>
        <v>221</v>
      </c>
      <c r="K12" s="11">
        <f t="shared" si="0"/>
        <v>212</v>
      </c>
      <c r="L12" s="11">
        <f t="shared" si="0"/>
        <v>208</v>
      </c>
      <c r="M12" s="11">
        <f t="shared" si="0"/>
        <v>199</v>
      </c>
      <c r="N12" s="11">
        <f t="shared" si="0"/>
        <v>193</v>
      </c>
      <c r="O12" s="11">
        <f t="shared" si="0"/>
        <v>206</v>
      </c>
      <c r="P12" s="11">
        <f t="shared" si="0"/>
        <v>192</v>
      </c>
      <c r="Q12" s="11">
        <f t="shared" si="0"/>
        <v>195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277</v>
      </c>
      <c r="H13" s="11">
        <f t="shared" si="0"/>
        <v>274</v>
      </c>
      <c r="I13" s="11">
        <f t="shared" si="0"/>
        <v>298</v>
      </c>
      <c r="J13" s="11">
        <f t="shared" si="0"/>
        <v>297</v>
      </c>
      <c r="K13" s="11">
        <f t="shared" si="0"/>
        <v>280</v>
      </c>
      <c r="L13" s="11">
        <f t="shared" si="0"/>
        <v>276</v>
      </c>
      <c r="M13" s="11">
        <f t="shared" si="0"/>
        <v>246</v>
      </c>
      <c r="N13" s="11">
        <f t="shared" si="0"/>
        <v>232</v>
      </c>
      <c r="O13" s="11">
        <f t="shared" si="0"/>
        <v>229</v>
      </c>
      <c r="P13" s="11">
        <f t="shared" si="0"/>
        <v>227</v>
      </c>
      <c r="Q13" s="11">
        <f t="shared" si="0"/>
        <v>201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244</v>
      </c>
      <c r="H14" s="11">
        <f t="shared" si="0"/>
        <v>294</v>
      </c>
      <c r="I14" s="11">
        <f t="shared" si="0"/>
        <v>286</v>
      </c>
      <c r="J14" s="11">
        <f t="shared" si="0"/>
        <v>279</v>
      </c>
      <c r="K14" s="11">
        <f t="shared" si="0"/>
        <v>286</v>
      </c>
      <c r="L14" s="11">
        <f t="shared" si="0"/>
        <v>284</v>
      </c>
      <c r="M14" s="11">
        <f t="shared" si="0"/>
        <v>290</v>
      </c>
      <c r="N14" s="11">
        <f t="shared" si="0"/>
        <v>285</v>
      </c>
      <c r="O14" s="11">
        <f t="shared" si="0"/>
        <v>286</v>
      </c>
      <c r="P14" s="11">
        <f t="shared" si="0"/>
        <v>267</v>
      </c>
      <c r="Q14" s="11">
        <f t="shared" si="0"/>
        <v>270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306</v>
      </c>
      <c r="H15" s="11">
        <f t="shared" si="0"/>
        <v>266</v>
      </c>
      <c r="I15" s="11">
        <f t="shared" si="0"/>
        <v>279</v>
      </c>
      <c r="J15" s="11">
        <f t="shared" si="0"/>
        <v>281</v>
      </c>
      <c r="K15" s="11">
        <f t="shared" si="0"/>
        <v>284</v>
      </c>
      <c r="L15" s="11">
        <f t="shared" si="0"/>
        <v>263</v>
      </c>
      <c r="M15" s="11">
        <f t="shared" si="0"/>
        <v>281</v>
      </c>
      <c r="N15" s="11">
        <f t="shared" si="0"/>
        <v>273</v>
      </c>
      <c r="O15" s="11">
        <f t="shared" si="0"/>
        <v>266</v>
      </c>
      <c r="P15" s="11">
        <f t="shared" si="0"/>
        <v>268</v>
      </c>
      <c r="Q15" s="11">
        <f t="shared" si="0"/>
        <v>265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363</v>
      </c>
      <c r="H16" s="11">
        <f t="shared" si="0"/>
        <v>301</v>
      </c>
      <c r="I16" s="11">
        <f t="shared" si="0"/>
        <v>253</v>
      </c>
      <c r="J16" s="11">
        <f t="shared" si="0"/>
        <v>250</v>
      </c>
      <c r="K16" s="11">
        <f t="shared" si="0"/>
        <v>239</v>
      </c>
      <c r="L16" s="11">
        <f t="shared" si="0"/>
        <v>266</v>
      </c>
      <c r="M16" s="11">
        <f t="shared" si="0"/>
        <v>259</v>
      </c>
      <c r="N16" s="11">
        <f t="shared" si="0"/>
        <v>272</v>
      </c>
      <c r="O16" s="11">
        <f t="shared" si="0"/>
        <v>270</v>
      </c>
      <c r="P16" s="11">
        <f t="shared" si="0"/>
        <v>270</v>
      </c>
      <c r="Q16" s="11">
        <f t="shared" si="0"/>
        <v>246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268</v>
      </c>
      <c r="H17" s="11">
        <f t="shared" si="0"/>
        <v>366</v>
      </c>
      <c r="I17" s="11">
        <f t="shared" si="0"/>
        <v>300</v>
      </c>
      <c r="J17" s="11">
        <f t="shared" si="0"/>
        <v>293</v>
      </c>
      <c r="K17" s="11">
        <f t="shared" si="0"/>
        <v>281</v>
      </c>
      <c r="L17" s="11">
        <f t="shared" si="0"/>
        <v>270</v>
      </c>
      <c r="M17" s="11">
        <f t="shared" si="0"/>
        <v>266</v>
      </c>
      <c r="N17" s="11">
        <f t="shared" si="0"/>
        <v>245</v>
      </c>
      <c r="O17" s="11">
        <f t="shared" si="0"/>
        <v>243</v>
      </c>
      <c r="P17" s="11">
        <f t="shared" si="0"/>
        <v>236</v>
      </c>
      <c r="Q17" s="11">
        <f t="shared" si="0"/>
        <v>251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208</v>
      </c>
      <c r="H18" s="14">
        <f t="shared" si="0"/>
        <v>256</v>
      </c>
      <c r="I18" s="14">
        <f t="shared" si="0"/>
        <v>353</v>
      </c>
      <c r="J18" s="14">
        <f t="shared" si="0"/>
        <v>362</v>
      </c>
      <c r="K18" s="14">
        <f t="shared" si="0"/>
        <v>341</v>
      </c>
      <c r="L18" s="14">
        <f t="shared" si="0"/>
        <v>321</v>
      </c>
      <c r="M18" s="14">
        <f t="shared" si="0"/>
        <v>292</v>
      </c>
      <c r="N18" s="14">
        <f t="shared" si="0"/>
        <v>290</v>
      </c>
      <c r="O18" s="14">
        <f t="shared" si="0"/>
        <v>288</v>
      </c>
      <c r="P18" s="14">
        <f t="shared" si="0"/>
        <v>275</v>
      </c>
      <c r="Q18" s="14">
        <f t="shared" si="0"/>
        <v>264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224</v>
      </c>
      <c r="H19" s="14">
        <f t="shared" si="0"/>
        <v>192</v>
      </c>
      <c r="I19" s="14">
        <f t="shared" si="0"/>
        <v>247</v>
      </c>
      <c r="J19" s="14">
        <f t="shared" si="0"/>
        <v>240</v>
      </c>
      <c r="K19" s="14">
        <f t="shared" si="0"/>
        <v>269</v>
      </c>
      <c r="L19" s="14">
        <f t="shared" si="0"/>
        <v>296</v>
      </c>
      <c r="M19" s="14">
        <f t="shared" si="0"/>
        <v>311</v>
      </c>
      <c r="N19" s="14">
        <f t="shared" si="0"/>
        <v>332</v>
      </c>
      <c r="O19" s="14">
        <f t="shared" si="0"/>
        <v>349</v>
      </c>
      <c r="P19" s="14">
        <f t="shared" si="0"/>
        <v>326</v>
      </c>
      <c r="Q19" s="14">
        <f t="shared" si="0"/>
        <v>311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206</v>
      </c>
      <c r="H20" s="14">
        <f t="shared" si="0"/>
        <v>202</v>
      </c>
      <c r="I20" s="14">
        <f t="shared" si="0"/>
        <v>168</v>
      </c>
      <c r="J20" s="14">
        <f t="shared" si="0"/>
        <v>169</v>
      </c>
      <c r="K20" s="14">
        <f t="shared" si="0"/>
        <v>197</v>
      </c>
      <c r="L20" s="14">
        <f t="shared" si="0"/>
        <v>205</v>
      </c>
      <c r="M20" s="14">
        <f t="shared" si="0"/>
        <v>241</v>
      </c>
      <c r="N20" s="14">
        <f t="shared" si="0"/>
        <v>239</v>
      </c>
      <c r="O20" s="14">
        <f t="shared" si="0"/>
        <v>229</v>
      </c>
      <c r="P20" s="14">
        <f t="shared" si="0"/>
        <v>250</v>
      </c>
      <c r="Q20" s="14">
        <f t="shared" si="0"/>
        <v>265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61</v>
      </c>
      <c r="H21" s="14">
        <f t="shared" si="1"/>
        <v>163</v>
      </c>
      <c r="I21" s="14">
        <f t="shared" si="1"/>
        <v>167</v>
      </c>
      <c r="J21" s="14">
        <f t="shared" si="1"/>
        <v>175</v>
      </c>
      <c r="K21" s="14">
        <f t="shared" si="1"/>
        <v>166</v>
      </c>
      <c r="L21" s="14">
        <f t="shared" si="1"/>
        <v>155</v>
      </c>
      <c r="M21" s="14">
        <f t="shared" si="1"/>
        <v>140</v>
      </c>
      <c r="N21" s="14">
        <f t="shared" si="1"/>
        <v>147</v>
      </c>
      <c r="O21" s="14">
        <f t="shared" si="1"/>
        <v>156</v>
      </c>
      <c r="P21" s="14">
        <f t="shared" si="1"/>
        <v>182</v>
      </c>
      <c r="Q21" s="14">
        <f t="shared" si="1"/>
        <v>184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87</v>
      </c>
      <c r="H22" s="14">
        <f t="shared" si="1"/>
        <v>111</v>
      </c>
      <c r="I22" s="14">
        <f t="shared" si="1"/>
        <v>107</v>
      </c>
      <c r="J22" s="14">
        <f t="shared" si="1"/>
        <v>108</v>
      </c>
      <c r="K22" s="14">
        <f t="shared" si="1"/>
        <v>107</v>
      </c>
      <c r="L22" s="14">
        <f t="shared" si="1"/>
        <v>126</v>
      </c>
      <c r="M22" s="14">
        <f t="shared" si="1"/>
        <v>128</v>
      </c>
      <c r="N22" s="14">
        <f t="shared" si="1"/>
        <v>127</v>
      </c>
      <c r="O22" s="14">
        <f t="shared" si="1"/>
        <v>124</v>
      </c>
      <c r="P22" s="14">
        <f t="shared" si="1"/>
        <v>123</v>
      </c>
      <c r="Q22" s="14">
        <f t="shared" si="1"/>
        <v>110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55</v>
      </c>
      <c r="H23" s="14">
        <f t="shared" si="1"/>
        <v>50</v>
      </c>
      <c r="I23" s="14">
        <f t="shared" si="1"/>
        <v>67</v>
      </c>
      <c r="J23" s="14">
        <f t="shared" si="1"/>
        <v>69</v>
      </c>
      <c r="K23" s="14">
        <f t="shared" si="1"/>
        <v>77</v>
      </c>
      <c r="L23" s="14">
        <f t="shared" si="1"/>
        <v>71</v>
      </c>
      <c r="M23" s="14">
        <f t="shared" si="1"/>
        <v>74</v>
      </c>
      <c r="N23" s="14">
        <f t="shared" si="1"/>
        <v>71</v>
      </c>
      <c r="O23" s="14">
        <f t="shared" si="1"/>
        <v>76</v>
      </c>
      <c r="P23" s="14">
        <f t="shared" si="1"/>
        <v>62</v>
      </c>
      <c r="Q23" s="14">
        <f t="shared" si="1"/>
        <v>67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5</v>
      </c>
      <c r="H24" s="14">
        <f t="shared" si="1"/>
        <v>22</v>
      </c>
      <c r="I24" s="14">
        <f t="shared" si="1"/>
        <v>11</v>
      </c>
      <c r="J24" s="14">
        <f t="shared" si="1"/>
        <v>14</v>
      </c>
      <c r="K24" s="14">
        <f t="shared" si="1"/>
        <v>19</v>
      </c>
      <c r="L24" s="14">
        <f t="shared" si="1"/>
        <v>20</v>
      </c>
      <c r="M24" s="14">
        <f t="shared" si="1"/>
        <v>20</v>
      </c>
      <c r="N24" s="14">
        <f t="shared" si="1"/>
        <v>24</v>
      </c>
      <c r="O24" s="14">
        <f t="shared" si="1"/>
        <v>25</v>
      </c>
      <c r="P24" s="14">
        <f t="shared" si="1"/>
        <v>26</v>
      </c>
      <c r="Q24" s="14">
        <f t="shared" si="1"/>
        <v>24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4</v>
      </c>
      <c r="I25" s="14">
        <f t="shared" si="1"/>
        <v>1</v>
      </c>
      <c r="J25" s="14">
        <f t="shared" si="1"/>
        <v>1</v>
      </c>
      <c r="K25" s="14">
        <f t="shared" si="1"/>
        <v>0</v>
      </c>
      <c r="L25" s="14">
        <f t="shared" si="1"/>
        <v>0</v>
      </c>
      <c r="M25" s="14">
        <f t="shared" si="1"/>
        <v>1</v>
      </c>
      <c r="N25" s="14">
        <f t="shared" si="1"/>
        <v>2</v>
      </c>
      <c r="O25" s="14">
        <f t="shared" si="1"/>
        <v>2</v>
      </c>
      <c r="P25" s="14">
        <f t="shared" si="1"/>
        <v>5</v>
      </c>
      <c r="Q25" s="14">
        <f t="shared" si="1"/>
        <v>3</v>
      </c>
    </row>
    <row r="26" spans="1:17" ht="23.25" customHeight="1" x14ac:dyDescent="0.2">
      <c r="A26" s="15" t="s">
        <v>28</v>
      </c>
      <c r="B26" s="16" t="s">
        <v>6</v>
      </c>
      <c r="C26" s="16" t="s">
        <v>6</v>
      </c>
      <c r="D26" s="16" t="s">
        <v>6</v>
      </c>
      <c r="E26" s="16" t="s">
        <v>6</v>
      </c>
      <c r="F26" s="16" t="s">
        <v>6</v>
      </c>
      <c r="G26" s="17">
        <f>SUM(G5:G25)</f>
        <v>4347</v>
      </c>
      <c r="H26" s="17">
        <f>SUM(H5:H25)</f>
        <v>4330</v>
      </c>
      <c r="I26" s="17">
        <f t="shared" ref="I26:N26" si="2">SUM(I5:I25)</f>
        <v>4045</v>
      </c>
      <c r="J26" s="17">
        <f t="shared" si="2"/>
        <v>3978</v>
      </c>
      <c r="K26" s="17">
        <f t="shared" si="2"/>
        <v>3973</v>
      </c>
      <c r="L26" s="17">
        <f t="shared" si="2"/>
        <v>3956</v>
      </c>
      <c r="M26" s="17">
        <f t="shared" si="2"/>
        <v>3935</v>
      </c>
      <c r="N26" s="17">
        <f t="shared" si="2"/>
        <v>3851</v>
      </c>
      <c r="O26" s="17">
        <f>SUM(O5:O25)</f>
        <v>3831</v>
      </c>
      <c r="P26" s="17">
        <f>SUM(P5:P25)</f>
        <v>3802</v>
      </c>
      <c r="Q26" s="17">
        <f>SUM(Q5:Q25)</f>
        <v>3722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640</v>
      </c>
      <c r="H31" s="21">
        <f t="shared" si="3"/>
        <v>557</v>
      </c>
      <c r="I31" s="21">
        <f t="shared" si="3"/>
        <v>492</v>
      </c>
      <c r="J31" s="21">
        <f t="shared" si="3"/>
        <v>478</v>
      </c>
      <c r="K31" s="21">
        <f t="shared" si="3"/>
        <v>480</v>
      </c>
      <c r="L31" s="21">
        <f t="shared" si="3"/>
        <v>485</v>
      </c>
      <c r="M31" s="21">
        <f t="shared" si="3"/>
        <v>467</v>
      </c>
      <c r="N31" s="21">
        <f t="shared" si="3"/>
        <v>446</v>
      </c>
      <c r="O31" s="21">
        <f t="shared" si="3"/>
        <v>444</v>
      </c>
      <c r="P31" s="21">
        <f t="shared" si="3"/>
        <v>438</v>
      </c>
      <c r="Q31" s="21">
        <f t="shared" si="3"/>
        <v>418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2751</v>
      </c>
      <c r="H32" s="22">
        <f t="shared" si="4"/>
        <v>2773</v>
      </c>
      <c r="I32" s="22">
        <f t="shared" si="4"/>
        <v>2432</v>
      </c>
      <c r="J32" s="22">
        <f t="shared" si="4"/>
        <v>2362</v>
      </c>
      <c r="K32" s="22">
        <f t="shared" si="4"/>
        <v>2317</v>
      </c>
      <c r="L32" s="22">
        <f t="shared" si="4"/>
        <v>2277</v>
      </c>
      <c r="M32" s="22">
        <f t="shared" si="4"/>
        <v>2261</v>
      </c>
      <c r="N32" s="22">
        <f t="shared" si="4"/>
        <v>2173</v>
      </c>
      <c r="O32" s="22">
        <f t="shared" si="4"/>
        <v>2138</v>
      </c>
      <c r="P32" s="22">
        <f t="shared" si="4"/>
        <v>2115</v>
      </c>
      <c r="Q32" s="22">
        <f t="shared" si="4"/>
        <v>2076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956</v>
      </c>
      <c r="H33" s="23">
        <f t="shared" si="5"/>
        <v>1000</v>
      </c>
      <c r="I33" s="23">
        <f t="shared" si="5"/>
        <v>1121</v>
      </c>
      <c r="J33" s="23">
        <f t="shared" si="5"/>
        <v>1138</v>
      </c>
      <c r="K33" s="23">
        <f t="shared" si="5"/>
        <v>1176</v>
      </c>
      <c r="L33" s="23">
        <f t="shared" si="5"/>
        <v>1194</v>
      </c>
      <c r="M33" s="23">
        <f t="shared" si="5"/>
        <v>1207</v>
      </c>
      <c r="N33" s="23">
        <f t="shared" si="5"/>
        <v>1232</v>
      </c>
      <c r="O33" s="23">
        <f t="shared" si="5"/>
        <v>1249</v>
      </c>
      <c r="P33" s="23">
        <f t="shared" si="5"/>
        <v>1249</v>
      </c>
      <c r="Q33" s="23">
        <f t="shared" si="5"/>
        <v>1228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4347</v>
      </c>
      <c r="H34" s="24">
        <f>SUM(H31:H33)</f>
        <v>4330</v>
      </c>
      <c r="I34" s="24">
        <f t="shared" ref="I34:N34" si="6">SUM(I31:I33)</f>
        <v>4045</v>
      </c>
      <c r="J34" s="24">
        <f t="shared" si="6"/>
        <v>3978</v>
      </c>
      <c r="K34" s="24">
        <f t="shared" si="6"/>
        <v>3973</v>
      </c>
      <c r="L34" s="24">
        <f t="shared" si="6"/>
        <v>3956</v>
      </c>
      <c r="M34" s="24">
        <f t="shared" si="6"/>
        <v>3935</v>
      </c>
      <c r="N34" s="24">
        <f t="shared" si="6"/>
        <v>3851</v>
      </c>
      <c r="O34" s="24">
        <f>SUM(O31:O33)</f>
        <v>3831</v>
      </c>
      <c r="P34" s="24">
        <f>SUM(P31:P33)</f>
        <v>3802</v>
      </c>
      <c r="Q34" s="24">
        <f>SUM(Q31:Q33)</f>
        <v>3722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4.7</v>
      </c>
      <c r="H39" s="33">
        <f t="shared" si="7"/>
        <v>12.9</v>
      </c>
      <c r="I39" s="33">
        <f t="shared" si="7"/>
        <v>12.2</v>
      </c>
      <c r="J39" s="33">
        <f t="shared" si="7"/>
        <v>12</v>
      </c>
      <c r="K39" s="33">
        <f t="shared" si="7"/>
        <v>12.1</v>
      </c>
      <c r="L39" s="33">
        <f t="shared" si="7"/>
        <v>12.3</v>
      </c>
      <c r="M39" s="33">
        <f t="shared" si="7"/>
        <v>11.9</v>
      </c>
      <c r="N39" s="33">
        <f t="shared" si="7"/>
        <v>11.6</v>
      </c>
      <c r="O39" s="33">
        <f t="shared" si="7"/>
        <v>11.6</v>
      </c>
      <c r="P39" s="33">
        <f t="shared" si="7"/>
        <v>11.5</v>
      </c>
      <c r="Q39" s="33">
        <f t="shared" si="7"/>
        <v>11.2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3.3</v>
      </c>
      <c r="H40" s="35">
        <f t="shared" si="8"/>
        <v>64</v>
      </c>
      <c r="I40" s="35">
        <f t="shared" si="8"/>
        <v>60.1</v>
      </c>
      <c r="J40" s="35">
        <f t="shared" si="8"/>
        <v>59.4</v>
      </c>
      <c r="K40" s="35">
        <f t="shared" si="8"/>
        <v>58.3</v>
      </c>
      <c r="L40" s="35">
        <f t="shared" si="8"/>
        <v>57.6</v>
      </c>
      <c r="M40" s="35">
        <f t="shared" si="8"/>
        <v>57.5</v>
      </c>
      <c r="N40" s="35">
        <f t="shared" si="8"/>
        <v>56.4</v>
      </c>
      <c r="O40" s="35">
        <f t="shared" si="8"/>
        <v>55.8</v>
      </c>
      <c r="P40" s="35">
        <f t="shared" si="8"/>
        <v>55.6</v>
      </c>
      <c r="Q40" s="35">
        <f t="shared" si="8"/>
        <v>55.8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2</v>
      </c>
      <c r="H41" s="37">
        <f t="shared" si="9"/>
        <v>23.1</v>
      </c>
      <c r="I41" s="37">
        <f t="shared" si="9"/>
        <v>27.7</v>
      </c>
      <c r="J41" s="37">
        <f t="shared" si="9"/>
        <v>28.6</v>
      </c>
      <c r="K41" s="37">
        <f t="shared" si="9"/>
        <v>29.6</v>
      </c>
      <c r="L41" s="37">
        <f t="shared" si="9"/>
        <v>30.2</v>
      </c>
      <c r="M41" s="37">
        <f t="shared" si="9"/>
        <v>30.7</v>
      </c>
      <c r="N41" s="37">
        <f t="shared" si="9"/>
        <v>32</v>
      </c>
      <c r="O41" s="37">
        <f t="shared" si="9"/>
        <v>32.6</v>
      </c>
      <c r="P41" s="37">
        <f t="shared" si="9"/>
        <v>32.9</v>
      </c>
      <c r="Q41" s="37">
        <f t="shared" si="9"/>
        <v>33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8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04</v>
      </c>
      <c r="H84" s="8">
        <v>86</v>
      </c>
      <c r="I84" s="8">
        <v>68</v>
      </c>
      <c r="J84" s="8">
        <v>67</v>
      </c>
      <c r="K84" s="8">
        <v>62</v>
      </c>
      <c r="L84" s="8">
        <v>63</v>
      </c>
      <c r="M84" s="8">
        <v>60</v>
      </c>
      <c r="N84" s="21">
        <v>56</v>
      </c>
      <c r="O84" s="21">
        <v>49</v>
      </c>
      <c r="P84" s="21">
        <v>51</v>
      </c>
      <c r="Q84" s="21">
        <v>49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100</v>
      </c>
      <c r="H85" s="8">
        <v>103</v>
      </c>
      <c r="I85" s="8">
        <v>90</v>
      </c>
      <c r="J85" s="8">
        <v>84</v>
      </c>
      <c r="K85" s="8">
        <v>91</v>
      </c>
      <c r="L85" s="8">
        <v>87</v>
      </c>
      <c r="M85" s="8">
        <v>80</v>
      </c>
      <c r="N85" s="21">
        <v>83</v>
      </c>
      <c r="O85" s="21">
        <v>82</v>
      </c>
      <c r="P85" s="21">
        <v>72</v>
      </c>
      <c r="Q85" s="21">
        <v>65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23</v>
      </c>
      <c r="H86" s="8">
        <v>95</v>
      </c>
      <c r="I86" s="8">
        <v>104</v>
      </c>
      <c r="J86" s="8">
        <v>104</v>
      </c>
      <c r="K86" s="8">
        <v>106</v>
      </c>
      <c r="L86" s="8">
        <v>113</v>
      </c>
      <c r="M86" s="8">
        <v>105</v>
      </c>
      <c r="N86" s="21">
        <v>99</v>
      </c>
      <c r="O86" s="21">
        <v>99</v>
      </c>
      <c r="P86" s="21">
        <v>101</v>
      </c>
      <c r="Q86" s="21">
        <v>92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28</v>
      </c>
      <c r="H87" s="11">
        <v>119</v>
      </c>
      <c r="I87" s="11">
        <v>90</v>
      </c>
      <c r="J87" s="11">
        <v>93</v>
      </c>
      <c r="K87" s="11">
        <v>87</v>
      </c>
      <c r="L87" s="11">
        <v>84</v>
      </c>
      <c r="M87" s="11">
        <v>104</v>
      </c>
      <c r="N87" s="22">
        <v>98</v>
      </c>
      <c r="O87" s="22">
        <v>97</v>
      </c>
      <c r="P87" s="22">
        <v>99</v>
      </c>
      <c r="Q87" s="22">
        <v>109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109</v>
      </c>
      <c r="H88" s="11">
        <v>131</v>
      </c>
      <c r="I88" s="11">
        <v>104</v>
      </c>
      <c r="J88" s="11">
        <v>89</v>
      </c>
      <c r="K88" s="11">
        <v>97</v>
      </c>
      <c r="L88" s="11">
        <v>89</v>
      </c>
      <c r="M88" s="11">
        <v>72</v>
      </c>
      <c r="N88" s="22">
        <v>71</v>
      </c>
      <c r="O88" s="22">
        <v>79</v>
      </c>
      <c r="P88" s="22">
        <v>74</v>
      </c>
      <c r="Q88" s="22">
        <v>73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44</v>
      </c>
      <c r="H89" s="11">
        <v>108</v>
      </c>
      <c r="I89" s="11">
        <v>108</v>
      </c>
      <c r="J89" s="11">
        <v>92</v>
      </c>
      <c r="K89" s="11">
        <v>75</v>
      </c>
      <c r="L89" s="11">
        <v>75</v>
      </c>
      <c r="M89" s="11">
        <v>87</v>
      </c>
      <c r="N89" s="22">
        <v>84</v>
      </c>
      <c r="O89" s="22">
        <v>73</v>
      </c>
      <c r="P89" s="22">
        <v>79</v>
      </c>
      <c r="Q89" s="22">
        <v>83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43</v>
      </c>
      <c r="H90" s="11">
        <v>136</v>
      </c>
      <c r="I90" s="11">
        <v>93</v>
      </c>
      <c r="J90" s="11">
        <v>101</v>
      </c>
      <c r="K90" s="11">
        <v>105</v>
      </c>
      <c r="L90" s="11">
        <v>104</v>
      </c>
      <c r="M90" s="11">
        <v>108</v>
      </c>
      <c r="N90" s="22">
        <v>96</v>
      </c>
      <c r="O90" s="22">
        <v>82</v>
      </c>
      <c r="P90" s="22">
        <v>88</v>
      </c>
      <c r="Q90" s="22">
        <v>82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131</v>
      </c>
      <c r="H91" s="11">
        <v>144</v>
      </c>
      <c r="I91" s="11">
        <v>124</v>
      </c>
      <c r="J91" s="11">
        <v>117</v>
      </c>
      <c r="K91" s="11">
        <v>110</v>
      </c>
      <c r="L91" s="11">
        <v>106</v>
      </c>
      <c r="M91" s="11">
        <v>104</v>
      </c>
      <c r="N91" s="22">
        <v>100</v>
      </c>
      <c r="O91" s="22">
        <v>104</v>
      </c>
      <c r="P91" s="22">
        <v>100</v>
      </c>
      <c r="Q91" s="22">
        <v>98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131</v>
      </c>
      <c r="H92" s="11">
        <v>141</v>
      </c>
      <c r="I92" s="11">
        <v>141</v>
      </c>
      <c r="J92" s="11">
        <v>143</v>
      </c>
      <c r="K92" s="11">
        <v>126</v>
      </c>
      <c r="L92" s="11">
        <v>131</v>
      </c>
      <c r="M92" s="11">
        <v>118</v>
      </c>
      <c r="N92" s="22">
        <v>117</v>
      </c>
      <c r="O92" s="22">
        <v>121</v>
      </c>
      <c r="P92" s="22">
        <v>119</v>
      </c>
      <c r="Q92" s="22">
        <v>106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31</v>
      </c>
      <c r="H93" s="11">
        <v>140</v>
      </c>
      <c r="I93" s="11">
        <v>153</v>
      </c>
      <c r="J93" s="11">
        <v>138</v>
      </c>
      <c r="K93" s="11">
        <v>151</v>
      </c>
      <c r="L93" s="11">
        <v>147</v>
      </c>
      <c r="M93" s="11">
        <v>140</v>
      </c>
      <c r="N93" s="22">
        <v>133</v>
      </c>
      <c r="O93" s="22">
        <v>134</v>
      </c>
      <c r="P93" s="22">
        <v>119</v>
      </c>
      <c r="Q93" s="22">
        <v>127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55</v>
      </c>
      <c r="H94" s="11">
        <v>135</v>
      </c>
      <c r="I94" s="11">
        <v>132</v>
      </c>
      <c r="J94" s="11">
        <v>141</v>
      </c>
      <c r="K94" s="11">
        <v>141</v>
      </c>
      <c r="L94" s="11">
        <v>135</v>
      </c>
      <c r="M94" s="11">
        <v>146</v>
      </c>
      <c r="N94" s="22">
        <v>141</v>
      </c>
      <c r="O94" s="22">
        <v>131</v>
      </c>
      <c r="P94" s="22">
        <v>142</v>
      </c>
      <c r="Q94" s="22">
        <v>137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195</v>
      </c>
      <c r="H95" s="11">
        <v>151</v>
      </c>
      <c r="I95" s="11">
        <v>125</v>
      </c>
      <c r="J95" s="11">
        <v>118</v>
      </c>
      <c r="K95" s="11">
        <v>122</v>
      </c>
      <c r="L95" s="11">
        <v>126</v>
      </c>
      <c r="M95" s="11">
        <v>125</v>
      </c>
      <c r="N95" s="22">
        <v>129</v>
      </c>
      <c r="O95" s="22">
        <v>133</v>
      </c>
      <c r="P95" s="22">
        <v>134</v>
      </c>
      <c r="Q95" s="22">
        <v>131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18</v>
      </c>
      <c r="H96" s="11">
        <v>189</v>
      </c>
      <c r="I96" s="11">
        <v>152</v>
      </c>
      <c r="J96" s="11">
        <v>149</v>
      </c>
      <c r="K96" s="11">
        <v>125</v>
      </c>
      <c r="L96" s="11">
        <v>129</v>
      </c>
      <c r="M96" s="11">
        <v>124</v>
      </c>
      <c r="N96" s="22">
        <v>119</v>
      </c>
      <c r="O96" s="22">
        <v>114</v>
      </c>
      <c r="P96" s="22">
        <v>117</v>
      </c>
      <c r="Q96" s="22">
        <v>115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07</v>
      </c>
      <c r="H97" s="14">
        <v>112</v>
      </c>
      <c r="I97" s="14">
        <v>181</v>
      </c>
      <c r="J97" s="14">
        <v>183</v>
      </c>
      <c r="K97" s="14">
        <v>173</v>
      </c>
      <c r="L97" s="14">
        <v>148</v>
      </c>
      <c r="M97" s="14">
        <v>145</v>
      </c>
      <c r="N97" s="23">
        <v>143</v>
      </c>
      <c r="O97" s="23">
        <v>145</v>
      </c>
      <c r="P97" s="23">
        <v>123</v>
      </c>
      <c r="Q97" s="23">
        <v>127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86</v>
      </c>
      <c r="H98" s="14">
        <v>95</v>
      </c>
      <c r="I98" s="14">
        <v>104</v>
      </c>
      <c r="J98" s="14">
        <v>105</v>
      </c>
      <c r="K98" s="14">
        <v>132</v>
      </c>
      <c r="L98" s="14">
        <v>155</v>
      </c>
      <c r="M98" s="14">
        <v>156</v>
      </c>
      <c r="N98" s="23">
        <v>169</v>
      </c>
      <c r="O98" s="23">
        <v>172</v>
      </c>
      <c r="P98" s="23">
        <v>163</v>
      </c>
      <c r="Q98" s="23">
        <v>142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94</v>
      </c>
      <c r="H99" s="14">
        <v>78</v>
      </c>
      <c r="I99" s="14">
        <v>81</v>
      </c>
      <c r="J99" s="14">
        <v>80</v>
      </c>
      <c r="K99" s="14">
        <v>85</v>
      </c>
      <c r="L99" s="14">
        <v>83</v>
      </c>
      <c r="M99" s="14">
        <v>100</v>
      </c>
      <c r="N99" s="23">
        <v>96</v>
      </c>
      <c r="O99" s="23">
        <v>99</v>
      </c>
      <c r="P99" s="23">
        <v>121</v>
      </c>
      <c r="Q99" s="23">
        <v>137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54</v>
      </c>
      <c r="H100" s="14">
        <v>64</v>
      </c>
      <c r="I100" s="14">
        <v>63</v>
      </c>
      <c r="J100" s="14">
        <v>68</v>
      </c>
      <c r="K100" s="14">
        <v>70</v>
      </c>
      <c r="L100" s="14">
        <v>64</v>
      </c>
      <c r="M100" s="14">
        <v>59</v>
      </c>
      <c r="N100" s="23">
        <v>69</v>
      </c>
      <c r="O100" s="23">
        <v>73</v>
      </c>
      <c r="P100" s="23">
        <v>79</v>
      </c>
      <c r="Q100" s="23">
        <v>73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29</v>
      </c>
      <c r="H101" s="14">
        <v>35</v>
      </c>
      <c r="I101" s="14">
        <v>39</v>
      </c>
      <c r="J101" s="14">
        <v>36</v>
      </c>
      <c r="K101" s="14">
        <v>34</v>
      </c>
      <c r="L101" s="14">
        <v>40</v>
      </c>
      <c r="M101" s="14">
        <v>36</v>
      </c>
      <c r="N101" s="23">
        <v>37</v>
      </c>
      <c r="O101" s="23">
        <v>38</v>
      </c>
      <c r="P101" s="23">
        <v>42</v>
      </c>
      <c r="Q101" s="23">
        <v>43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7</v>
      </c>
      <c r="H102" s="14">
        <v>12</v>
      </c>
      <c r="I102" s="14">
        <v>12</v>
      </c>
      <c r="J102" s="14">
        <v>18</v>
      </c>
      <c r="K102" s="14">
        <v>20</v>
      </c>
      <c r="L102" s="14">
        <v>22</v>
      </c>
      <c r="M102" s="14">
        <v>23</v>
      </c>
      <c r="N102" s="23">
        <v>23</v>
      </c>
      <c r="O102" s="23">
        <v>21</v>
      </c>
      <c r="P102" s="23">
        <v>18</v>
      </c>
      <c r="Q102" s="23">
        <v>19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2</v>
      </c>
      <c r="H103" s="14">
        <v>1</v>
      </c>
      <c r="I103" s="14">
        <v>2</v>
      </c>
      <c r="J103" s="14">
        <v>1</v>
      </c>
      <c r="K103" s="14">
        <v>3</v>
      </c>
      <c r="L103" s="14">
        <v>3</v>
      </c>
      <c r="M103" s="14">
        <v>2</v>
      </c>
      <c r="N103" s="23">
        <v>3</v>
      </c>
      <c r="O103" s="23">
        <v>6</v>
      </c>
      <c r="P103" s="23">
        <v>7</v>
      </c>
      <c r="Q103" s="23">
        <v>6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2091</v>
      </c>
      <c r="H105" s="17">
        <f t="shared" ref="H105:N105" si="10">SUM(H84:H104)</f>
        <v>2075</v>
      </c>
      <c r="I105" s="17">
        <f t="shared" si="10"/>
        <v>1966</v>
      </c>
      <c r="J105" s="17">
        <f t="shared" si="10"/>
        <v>1927</v>
      </c>
      <c r="K105" s="17">
        <f t="shared" si="10"/>
        <v>1915</v>
      </c>
      <c r="L105" s="17">
        <f t="shared" si="10"/>
        <v>1904</v>
      </c>
      <c r="M105" s="17">
        <f t="shared" si="10"/>
        <v>1894</v>
      </c>
      <c r="N105" s="17">
        <f t="shared" si="10"/>
        <v>1866</v>
      </c>
      <c r="O105" s="17">
        <f>SUM(O84:O104)</f>
        <v>1852</v>
      </c>
      <c r="P105" s="17">
        <f>SUM(P84:P104)</f>
        <v>1848</v>
      </c>
      <c r="Q105" s="17">
        <f>SUM(Q84:Q104)</f>
        <v>1814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327</v>
      </c>
      <c r="H110" s="8">
        <f t="shared" si="11"/>
        <v>284</v>
      </c>
      <c r="I110" s="8">
        <f t="shared" si="11"/>
        <v>262</v>
      </c>
      <c r="J110" s="8">
        <f t="shared" si="11"/>
        <v>255</v>
      </c>
      <c r="K110" s="8">
        <f t="shared" si="11"/>
        <v>259</v>
      </c>
      <c r="L110" s="8">
        <f t="shared" si="11"/>
        <v>263</v>
      </c>
      <c r="M110" s="8">
        <f t="shared" si="11"/>
        <v>245</v>
      </c>
      <c r="N110" s="8">
        <f t="shared" si="11"/>
        <v>238</v>
      </c>
      <c r="O110" s="8">
        <f t="shared" si="11"/>
        <v>230</v>
      </c>
      <c r="P110" s="8">
        <f t="shared" si="11"/>
        <v>224</v>
      </c>
      <c r="Q110" s="8">
        <v>206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385</v>
      </c>
      <c r="H111" s="11">
        <f t="shared" si="12"/>
        <v>1394</v>
      </c>
      <c r="I111" s="11">
        <f t="shared" si="12"/>
        <v>1222</v>
      </c>
      <c r="J111" s="11">
        <f t="shared" si="12"/>
        <v>1181</v>
      </c>
      <c r="K111" s="11">
        <f t="shared" si="12"/>
        <v>1139</v>
      </c>
      <c r="L111" s="11">
        <f t="shared" si="12"/>
        <v>1126</v>
      </c>
      <c r="M111" s="11">
        <f t="shared" si="12"/>
        <v>1128</v>
      </c>
      <c r="N111" s="11">
        <f t="shared" si="12"/>
        <v>1088</v>
      </c>
      <c r="O111" s="11">
        <f t="shared" si="12"/>
        <v>1068</v>
      </c>
      <c r="P111" s="11">
        <f t="shared" si="12"/>
        <v>1071</v>
      </c>
      <c r="Q111" s="11">
        <v>1061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379</v>
      </c>
      <c r="H112" s="14">
        <f t="shared" si="13"/>
        <v>397</v>
      </c>
      <c r="I112" s="14">
        <f t="shared" si="13"/>
        <v>482</v>
      </c>
      <c r="J112" s="14">
        <f t="shared" si="13"/>
        <v>491</v>
      </c>
      <c r="K112" s="14">
        <f t="shared" si="13"/>
        <v>517</v>
      </c>
      <c r="L112" s="14">
        <f t="shared" si="13"/>
        <v>515</v>
      </c>
      <c r="M112" s="14">
        <f t="shared" si="13"/>
        <v>521</v>
      </c>
      <c r="N112" s="14">
        <f t="shared" si="13"/>
        <v>540</v>
      </c>
      <c r="O112" s="14">
        <f t="shared" si="13"/>
        <v>554</v>
      </c>
      <c r="P112" s="14">
        <f t="shared" si="13"/>
        <v>553</v>
      </c>
      <c r="Q112" s="14">
        <v>547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2091</v>
      </c>
      <c r="H113" s="17">
        <f t="shared" ref="H113:N113" si="14">SUM(H110:H112)</f>
        <v>2075</v>
      </c>
      <c r="I113" s="17">
        <f t="shared" si="14"/>
        <v>1966</v>
      </c>
      <c r="J113" s="17">
        <f t="shared" si="14"/>
        <v>1927</v>
      </c>
      <c r="K113" s="17">
        <f t="shared" si="14"/>
        <v>1915</v>
      </c>
      <c r="L113" s="17">
        <f t="shared" si="14"/>
        <v>1904</v>
      </c>
      <c r="M113" s="17">
        <f t="shared" si="14"/>
        <v>1894</v>
      </c>
      <c r="N113" s="17">
        <f t="shared" si="14"/>
        <v>1866</v>
      </c>
      <c r="O113" s="17">
        <f>SUM(O110:O112)</f>
        <v>1852</v>
      </c>
      <c r="P113" s="17">
        <f>SUM(P110:P112)</f>
        <v>1848</v>
      </c>
      <c r="Q113" s="17">
        <f>SUM(Q110:Q112)</f>
        <v>1814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5.6</v>
      </c>
      <c r="H118" s="49">
        <f t="shared" si="15"/>
        <v>13.7</v>
      </c>
      <c r="I118" s="49">
        <f t="shared" si="15"/>
        <v>13.3</v>
      </c>
      <c r="J118" s="49">
        <f t="shared" si="15"/>
        <v>13.2</v>
      </c>
      <c r="K118" s="49">
        <f t="shared" si="15"/>
        <v>13.5</v>
      </c>
      <c r="L118" s="49">
        <f t="shared" si="15"/>
        <v>13.8</v>
      </c>
      <c r="M118" s="49">
        <f t="shared" si="15"/>
        <v>12.9</v>
      </c>
      <c r="N118" s="49">
        <f t="shared" si="15"/>
        <v>12.8</v>
      </c>
      <c r="O118" s="49">
        <f t="shared" si="15"/>
        <v>12.4</v>
      </c>
      <c r="P118" s="49">
        <f t="shared" si="15"/>
        <v>12.1</v>
      </c>
      <c r="Q118" s="49">
        <f t="shared" si="15"/>
        <v>11.4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>ROUND(G111/G113*100,1)</f>
        <v>66.2</v>
      </c>
      <c r="H119" s="50">
        <f t="shared" ref="H119:Q119" si="16">ROUND(H111/H113*100,1)</f>
        <v>67.2</v>
      </c>
      <c r="I119" s="50">
        <f t="shared" si="16"/>
        <v>62.2</v>
      </c>
      <c r="J119" s="50">
        <f t="shared" si="16"/>
        <v>61.3</v>
      </c>
      <c r="K119" s="50">
        <f t="shared" si="16"/>
        <v>59.5</v>
      </c>
      <c r="L119" s="50">
        <f t="shared" si="16"/>
        <v>59.1</v>
      </c>
      <c r="M119" s="50">
        <f t="shared" si="16"/>
        <v>59.6</v>
      </c>
      <c r="N119" s="50">
        <f t="shared" si="16"/>
        <v>58.3</v>
      </c>
      <c r="O119" s="50">
        <f t="shared" si="16"/>
        <v>57.7</v>
      </c>
      <c r="P119" s="50">
        <f t="shared" si="16"/>
        <v>58</v>
      </c>
      <c r="Q119" s="50">
        <f t="shared" si="16"/>
        <v>58.5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>ROUND(G112/G113*100,1)</f>
        <v>18.100000000000001</v>
      </c>
      <c r="H120" s="51">
        <f t="shared" ref="H120:Q120" si="17">ROUND(H112/H113*100,1)</f>
        <v>19.100000000000001</v>
      </c>
      <c r="I120" s="51">
        <f t="shared" si="17"/>
        <v>24.5</v>
      </c>
      <c r="J120" s="51">
        <f t="shared" si="17"/>
        <v>25.5</v>
      </c>
      <c r="K120" s="51">
        <f t="shared" si="17"/>
        <v>27</v>
      </c>
      <c r="L120" s="51">
        <f t="shared" si="17"/>
        <v>27</v>
      </c>
      <c r="M120" s="51">
        <f t="shared" si="17"/>
        <v>27.5</v>
      </c>
      <c r="N120" s="51">
        <f t="shared" si="17"/>
        <v>28.9</v>
      </c>
      <c r="O120" s="51">
        <f t="shared" si="17"/>
        <v>29.9</v>
      </c>
      <c r="P120" s="51">
        <f t="shared" si="17"/>
        <v>29.9</v>
      </c>
      <c r="Q120" s="51">
        <f t="shared" si="17"/>
        <v>30.2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9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93</v>
      </c>
      <c r="H130" s="8">
        <v>76</v>
      </c>
      <c r="I130" s="8">
        <v>64</v>
      </c>
      <c r="J130" s="8">
        <v>70</v>
      </c>
      <c r="K130" s="8">
        <v>64</v>
      </c>
      <c r="L130" s="8">
        <v>59</v>
      </c>
      <c r="M130" s="8">
        <v>60</v>
      </c>
      <c r="N130" s="21">
        <v>59</v>
      </c>
      <c r="O130" s="21">
        <v>52</v>
      </c>
      <c r="P130" s="21">
        <v>54</v>
      </c>
      <c r="Q130" s="21">
        <v>52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05</v>
      </c>
      <c r="H131" s="8">
        <v>95</v>
      </c>
      <c r="I131" s="8">
        <v>71</v>
      </c>
      <c r="J131" s="8">
        <v>72</v>
      </c>
      <c r="K131" s="8">
        <v>84</v>
      </c>
      <c r="L131" s="8">
        <v>87</v>
      </c>
      <c r="M131" s="8">
        <v>86</v>
      </c>
      <c r="N131" s="21">
        <v>77</v>
      </c>
      <c r="O131" s="21">
        <v>85</v>
      </c>
      <c r="P131" s="21">
        <v>77</v>
      </c>
      <c r="Q131" s="21">
        <v>67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15</v>
      </c>
      <c r="H132" s="8">
        <v>102</v>
      </c>
      <c r="I132" s="8">
        <v>95</v>
      </c>
      <c r="J132" s="8">
        <v>81</v>
      </c>
      <c r="K132" s="8">
        <v>73</v>
      </c>
      <c r="L132" s="8">
        <v>76</v>
      </c>
      <c r="M132" s="8">
        <v>76</v>
      </c>
      <c r="N132" s="21">
        <v>72</v>
      </c>
      <c r="O132" s="21">
        <v>77</v>
      </c>
      <c r="P132" s="21">
        <v>83</v>
      </c>
      <c r="Q132" s="21">
        <v>93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31</v>
      </c>
      <c r="H133" s="11">
        <v>134</v>
      </c>
      <c r="I133" s="11">
        <v>109</v>
      </c>
      <c r="J133" s="11">
        <v>118</v>
      </c>
      <c r="K133" s="11">
        <v>123</v>
      </c>
      <c r="L133" s="11">
        <v>105</v>
      </c>
      <c r="M133" s="11">
        <v>97</v>
      </c>
      <c r="N133" s="22">
        <v>90</v>
      </c>
      <c r="O133" s="22">
        <v>73</v>
      </c>
      <c r="P133" s="22">
        <v>74</v>
      </c>
      <c r="Q133" s="22">
        <v>73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26</v>
      </c>
      <c r="H134" s="11">
        <v>123</v>
      </c>
      <c r="I134" s="11">
        <v>102</v>
      </c>
      <c r="J134" s="11">
        <v>89</v>
      </c>
      <c r="K134" s="11">
        <v>82</v>
      </c>
      <c r="L134" s="11">
        <v>93</v>
      </c>
      <c r="M134" s="11">
        <v>97</v>
      </c>
      <c r="N134" s="22">
        <v>87</v>
      </c>
      <c r="O134" s="22">
        <v>97</v>
      </c>
      <c r="P134" s="22">
        <v>100</v>
      </c>
      <c r="Q134" s="22">
        <v>82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17</v>
      </c>
      <c r="H135" s="11">
        <v>89</v>
      </c>
      <c r="I135" s="11">
        <v>85</v>
      </c>
      <c r="J135" s="11">
        <v>70</v>
      </c>
      <c r="K135" s="11">
        <v>79</v>
      </c>
      <c r="L135" s="11">
        <v>69</v>
      </c>
      <c r="M135" s="11">
        <v>66</v>
      </c>
      <c r="N135" s="22">
        <v>69</v>
      </c>
      <c r="O135" s="22">
        <v>63</v>
      </c>
      <c r="P135" s="22">
        <v>65</v>
      </c>
      <c r="Q135" s="22">
        <v>76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42</v>
      </c>
      <c r="H136" s="11">
        <v>130</v>
      </c>
      <c r="I136" s="11">
        <v>87</v>
      </c>
      <c r="J136" s="11">
        <v>89</v>
      </c>
      <c r="K136" s="11">
        <v>87</v>
      </c>
      <c r="L136" s="11">
        <v>91</v>
      </c>
      <c r="M136" s="11">
        <v>89</v>
      </c>
      <c r="N136" s="22">
        <v>78</v>
      </c>
      <c r="O136" s="22">
        <v>74</v>
      </c>
      <c r="P136" s="22">
        <v>76</v>
      </c>
      <c r="Q136" s="22">
        <v>70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122</v>
      </c>
      <c r="H137" s="11">
        <v>158</v>
      </c>
      <c r="I137" s="11">
        <v>114</v>
      </c>
      <c r="J137" s="11">
        <v>104</v>
      </c>
      <c r="K137" s="11">
        <v>102</v>
      </c>
      <c r="L137" s="11">
        <v>102</v>
      </c>
      <c r="M137" s="11">
        <v>95</v>
      </c>
      <c r="N137" s="22">
        <v>93</v>
      </c>
      <c r="O137" s="22">
        <v>102</v>
      </c>
      <c r="P137" s="22">
        <v>92</v>
      </c>
      <c r="Q137" s="22">
        <v>97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146</v>
      </c>
      <c r="H138" s="11">
        <v>133</v>
      </c>
      <c r="I138" s="11">
        <v>157</v>
      </c>
      <c r="J138" s="11">
        <v>154</v>
      </c>
      <c r="K138" s="11">
        <v>154</v>
      </c>
      <c r="L138" s="11">
        <v>145</v>
      </c>
      <c r="M138" s="11">
        <v>128</v>
      </c>
      <c r="N138" s="22">
        <v>115</v>
      </c>
      <c r="O138" s="22">
        <v>108</v>
      </c>
      <c r="P138" s="22">
        <v>108</v>
      </c>
      <c r="Q138" s="22">
        <v>95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113</v>
      </c>
      <c r="H139" s="11">
        <v>154</v>
      </c>
      <c r="I139" s="11">
        <v>133</v>
      </c>
      <c r="J139" s="11">
        <v>141</v>
      </c>
      <c r="K139" s="11">
        <v>135</v>
      </c>
      <c r="L139" s="11">
        <v>137</v>
      </c>
      <c r="M139" s="11">
        <v>150</v>
      </c>
      <c r="N139" s="22">
        <v>152</v>
      </c>
      <c r="O139" s="22">
        <v>152</v>
      </c>
      <c r="P139" s="22">
        <v>148</v>
      </c>
      <c r="Q139" s="22">
        <v>143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51</v>
      </c>
      <c r="H140" s="11">
        <v>131</v>
      </c>
      <c r="I140" s="11">
        <v>147</v>
      </c>
      <c r="J140" s="11">
        <v>140</v>
      </c>
      <c r="K140" s="11">
        <v>143</v>
      </c>
      <c r="L140" s="11">
        <v>128</v>
      </c>
      <c r="M140" s="11">
        <v>135</v>
      </c>
      <c r="N140" s="22">
        <v>132</v>
      </c>
      <c r="O140" s="22">
        <v>135</v>
      </c>
      <c r="P140" s="22">
        <v>126</v>
      </c>
      <c r="Q140" s="22">
        <v>128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68</v>
      </c>
      <c r="H141" s="11">
        <v>150</v>
      </c>
      <c r="I141" s="11">
        <v>128</v>
      </c>
      <c r="J141" s="11">
        <v>132</v>
      </c>
      <c r="K141" s="11">
        <v>117</v>
      </c>
      <c r="L141" s="11">
        <v>140</v>
      </c>
      <c r="M141" s="11">
        <v>134</v>
      </c>
      <c r="N141" s="22">
        <v>143</v>
      </c>
      <c r="O141" s="22">
        <v>137</v>
      </c>
      <c r="P141" s="22">
        <v>136</v>
      </c>
      <c r="Q141" s="22">
        <v>115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50</v>
      </c>
      <c r="H142" s="11">
        <v>177</v>
      </c>
      <c r="I142" s="11">
        <v>148</v>
      </c>
      <c r="J142" s="11">
        <v>144</v>
      </c>
      <c r="K142" s="11">
        <v>156</v>
      </c>
      <c r="L142" s="11">
        <v>141</v>
      </c>
      <c r="M142" s="11">
        <v>142</v>
      </c>
      <c r="N142" s="22">
        <v>126</v>
      </c>
      <c r="O142" s="22">
        <v>129</v>
      </c>
      <c r="P142" s="22">
        <v>119</v>
      </c>
      <c r="Q142" s="22">
        <v>136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01</v>
      </c>
      <c r="H143" s="14">
        <v>144</v>
      </c>
      <c r="I143" s="14">
        <v>172</v>
      </c>
      <c r="J143" s="14">
        <v>179</v>
      </c>
      <c r="K143" s="14">
        <v>168</v>
      </c>
      <c r="L143" s="14">
        <v>173</v>
      </c>
      <c r="M143" s="14">
        <v>147</v>
      </c>
      <c r="N143" s="23">
        <v>147</v>
      </c>
      <c r="O143" s="23">
        <v>143</v>
      </c>
      <c r="P143" s="23">
        <v>152</v>
      </c>
      <c r="Q143" s="23">
        <v>137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38</v>
      </c>
      <c r="H144" s="14">
        <v>97</v>
      </c>
      <c r="I144" s="14">
        <v>143</v>
      </c>
      <c r="J144" s="14">
        <v>135</v>
      </c>
      <c r="K144" s="14">
        <v>137</v>
      </c>
      <c r="L144" s="14">
        <v>141</v>
      </c>
      <c r="M144" s="14">
        <v>155</v>
      </c>
      <c r="N144" s="23">
        <v>163</v>
      </c>
      <c r="O144" s="23">
        <v>177</v>
      </c>
      <c r="P144" s="23">
        <v>163</v>
      </c>
      <c r="Q144" s="23">
        <v>169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112</v>
      </c>
      <c r="H145" s="14">
        <v>124</v>
      </c>
      <c r="I145" s="14">
        <v>87</v>
      </c>
      <c r="J145" s="14">
        <v>89</v>
      </c>
      <c r="K145" s="14">
        <v>112</v>
      </c>
      <c r="L145" s="14">
        <v>122</v>
      </c>
      <c r="M145" s="14">
        <v>141</v>
      </c>
      <c r="N145" s="23">
        <v>143</v>
      </c>
      <c r="O145" s="23">
        <v>130</v>
      </c>
      <c r="P145" s="23">
        <v>129</v>
      </c>
      <c r="Q145" s="23">
        <v>128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107</v>
      </c>
      <c r="H146" s="14">
        <v>99</v>
      </c>
      <c r="I146" s="14">
        <v>104</v>
      </c>
      <c r="J146" s="14">
        <v>107</v>
      </c>
      <c r="K146" s="14">
        <v>96</v>
      </c>
      <c r="L146" s="14">
        <v>91</v>
      </c>
      <c r="M146" s="14">
        <v>81</v>
      </c>
      <c r="N146" s="23">
        <v>78</v>
      </c>
      <c r="O146" s="23">
        <v>83</v>
      </c>
      <c r="P146" s="23">
        <v>103</v>
      </c>
      <c r="Q146" s="23">
        <v>111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58</v>
      </c>
      <c r="H147" s="14">
        <v>76</v>
      </c>
      <c r="I147" s="14">
        <v>68</v>
      </c>
      <c r="J147" s="14">
        <v>72</v>
      </c>
      <c r="K147" s="14">
        <v>73</v>
      </c>
      <c r="L147" s="14">
        <v>86</v>
      </c>
      <c r="M147" s="14">
        <v>92</v>
      </c>
      <c r="N147" s="23">
        <v>90</v>
      </c>
      <c r="O147" s="23">
        <v>86</v>
      </c>
      <c r="P147" s="23">
        <v>81</v>
      </c>
      <c r="Q147" s="23">
        <v>67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48</v>
      </c>
      <c r="H148" s="14">
        <v>38</v>
      </c>
      <c r="I148" s="14">
        <v>55</v>
      </c>
      <c r="J148" s="14">
        <v>51</v>
      </c>
      <c r="K148" s="14">
        <v>57</v>
      </c>
      <c r="L148" s="14">
        <v>49</v>
      </c>
      <c r="M148" s="14">
        <v>51</v>
      </c>
      <c r="N148" s="23">
        <v>48</v>
      </c>
      <c r="O148" s="23">
        <v>55</v>
      </c>
      <c r="P148" s="23">
        <v>44</v>
      </c>
      <c r="Q148" s="23">
        <v>48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3</v>
      </c>
      <c r="H149" s="14">
        <v>21</v>
      </c>
      <c r="I149" s="14">
        <v>9</v>
      </c>
      <c r="J149" s="14">
        <v>13</v>
      </c>
      <c r="K149" s="14">
        <v>16</v>
      </c>
      <c r="L149" s="14">
        <v>17</v>
      </c>
      <c r="M149" s="14">
        <v>18</v>
      </c>
      <c r="N149" s="23">
        <v>21</v>
      </c>
      <c r="O149" s="23">
        <v>19</v>
      </c>
      <c r="P149" s="23">
        <v>19</v>
      </c>
      <c r="Q149" s="23">
        <v>18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4</v>
      </c>
      <c r="I150" s="14">
        <v>1</v>
      </c>
      <c r="J150" s="14">
        <v>1</v>
      </c>
      <c r="K150" s="14">
        <v>0</v>
      </c>
      <c r="L150" s="14">
        <v>0</v>
      </c>
      <c r="M150" s="14">
        <v>1</v>
      </c>
      <c r="N150" s="23">
        <v>2</v>
      </c>
      <c r="O150" s="23">
        <v>2</v>
      </c>
      <c r="P150" s="23">
        <v>5</v>
      </c>
      <c r="Q150" s="23">
        <v>3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2256</v>
      </c>
      <c r="H151" s="17">
        <f t="shared" ref="H151:N151" si="18">SUM(H130:H150)</f>
        <v>2255</v>
      </c>
      <c r="I151" s="17">
        <f t="shared" si="18"/>
        <v>2079</v>
      </c>
      <c r="J151" s="17">
        <f t="shared" si="18"/>
        <v>2051</v>
      </c>
      <c r="K151" s="17">
        <f t="shared" si="18"/>
        <v>2058</v>
      </c>
      <c r="L151" s="17">
        <f t="shared" si="18"/>
        <v>2052</v>
      </c>
      <c r="M151" s="17">
        <f t="shared" si="18"/>
        <v>2041</v>
      </c>
      <c r="N151" s="17">
        <f t="shared" si="18"/>
        <v>1985</v>
      </c>
      <c r="O151" s="17">
        <f>SUM(O130:O150)</f>
        <v>1979</v>
      </c>
      <c r="P151" s="17">
        <f>SUM(P130:P150)</f>
        <v>1954</v>
      </c>
      <c r="Q151" s="17">
        <f>SUM(Q130:Q150)</f>
        <v>1908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313</v>
      </c>
      <c r="H156" s="8">
        <f t="shared" si="19"/>
        <v>273</v>
      </c>
      <c r="I156" s="8">
        <f t="shared" si="19"/>
        <v>230</v>
      </c>
      <c r="J156" s="8">
        <f t="shared" si="19"/>
        <v>223</v>
      </c>
      <c r="K156" s="8">
        <f t="shared" si="19"/>
        <v>221</v>
      </c>
      <c r="L156" s="8">
        <f t="shared" si="19"/>
        <v>222</v>
      </c>
      <c r="M156" s="8">
        <f t="shared" si="19"/>
        <v>222</v>
      </c>
      <c r="N156" s="8">
        <f t="shared" si="19"/>
        <v>208</v>
      </c>
      <c r="O156" s="8">
        <f t="shared" si="19"/>
        <v>214</v>
      </c>
      <c r="P156" s="8">
        <f t="shared" si="19"/>
        <v>214</v>
      </c>
      <c r="Q156" s="8">
        <v>212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366</v>
      </c>
      <c r="H157" s="11">
        <f t="shared" si="20"/>
        <v>1379</v>
      </c>
      <c r="I157" s="11">
        <f t="shared" si="20"/>
        <v>1210</v>
      </c>
      <c r="J157" s="11">
        <f t="shared" si="20"/>
        <v>1181</v>
      </c>
      <c r="K157" s="11">
        <f t="shared" si="20"/>
        <v>1178</v>
      </c>
      <c r="L157" s="11">
        <f t="shared" si="20"/>
        <v>1151</v>
      </c>
      <c r="M157" s="11">
        <f t="shared" si="20"/>
        <v>1133</v>
      </c>
      <c r="N157" s="11">
        <f t="shared" si="20"/>
        <v>1085</v>
      </c>
      <c r="O157" s="11">
        <f t="shared" si="20"/>
        <v>1070</v>
      </c>
      <c r="P157" s="11">
        <f t="shared" si="20"/>
        <v>1044</v>
      </c>
      <c r="Q157" s="11">
        <v>1015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577</v>
      </c>
      <c r="H158" s="14">
        <f t="shared" si="21"/>
        <v>603</v>
      </c>
      <c r="I158" s="14">
        <f t="shared" si="21"/>
        <v>639</v>
      </c>
      <c r="J158" s="14">
        <f t="shared" si="21"/>
        <v>647</v>
      </c>
      <c r="K158" s="14">
        <f t="shared" si="21"/>
        <v>659</v>
      </c>
      <c r="L158" s="14">
        <f t="shared" si="21"/>
        <v>679</v>
      </c>
      <c r="M158" s="14">
        <f t="shared" si="21"/>
        <v>686</v>
      </c>
      <c r="N158" s="14">
        <f t="shared" si="21"/>
        <v>692</v>
      </c>
      <c r="O158" s="14">
        <f t="shared" si="21"/>
        <v>695</v>
      </c>
      <c r="P158" s="14">
        <f t="shared" si="21"/>
        <v>696</v>
      </c>
      <c r="Q158" s="14">
        <v>681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2256</v>
      </c>
      <c r="H159" s="17">
        <f t="shared" ref="H159:N159" si="22">SUM(H156:H158)</f>
        <v>2255</v>
      </c>
      <c r="I159" s="17">
        <f t="shared" si="22"/>
        <v>2079</v>
      </c>
      <c r="J159" s="17">
        <f t="shared" si="22"/>
        <v>2051</v>
      </c>
      <c r="K159" s="17">
        <f t="shared" si="22"/>
        <v>2058</v>
      </c>
      <c r="L159" s="17">
        <f t="shared" si="22"/>
        <v>2052</v>
      </c>
      <c r="M159" s="17">
        <f t="shared" si="22"/>
        <v>2041</v>
      </c>
      <c r="N159" s="17">
        <f t="shared" si="22"/>
        <v>1985</v>
      </c>
      <c r="O159" s="17">
        <f>SUM(O156:O158)</f>
        <v>1979</v>
      </c>
      <c r="P159" s="17">
        <f>SUM(P156:P158)</f>
        <v>1954</v>
      </c>
      <c r="Q159" s="17">
        <f>SUM(Q156:Q158)</f>
        <v>1908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3.9</v>
      </c>
      <c r="H164" s="49">
        <f t="shared" si="23"/>
        <v>12.1</v>
      </c>
      <c r="I164" s="49">
        <f t="shared" si="23"/>
        <v>11.1</v>
      </c>
      <c r="J164" s="49">
        <f t="shared" si="23"/>
        <v>10.9</v>
      </c>
      <c r="K164" s="49">
        <f t="shared" si="23"/>
        <v>10.7</v>
      </c>
      <c r="L164" s="49">
        <f t="shared" si="23"/>
        <v>10.8</v>
      </c>
      <c r="M164" s="49">
        <f t="shared" si="23"/>
        <v>10.9</v>
      </c>
      <c r="N164" s="49">
        <f t="shared" si="23"/>
        <v>10.5</v>
      </c>
      <c r="O164" s="49">
        <f t="shared" si="23"/>
        <v>10.8</v>
      </c>
      <c r="P164" s="49">
        <f t="shared" si="23"/>
        <v>11</v>
      </c>
      <c r="Q164" s="49">
        <f t="shared" si="23"/>
        <v>11.1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0.5</v>
      </c>
      <c r="H165" s="50">
        <f t="shared" si="24"/>
        <v>61.2</v>
      </c>
      <c r="I165" s="50">
        <f t="shared" si="24"/>
        <v>58.2</v>
      </c>
      <c r="J165" s="50">
        <f t="shared" si="24"/>
        <v>57.6</v>
      </c>
      <c r="K165" s="50">
        <f t="shared" si="24"/>
        <v>57.2</v>
      </c>
      <c r="L165" s="50">
        <f t="shared" si="24"/>
        <v>56.1</v>
      </c>
      <c r="M165" s="50">
        <f t="shared" si="24"/>
        <v>55.5</v>
      </c>
      <c r="N165" s="50">
        <f t="shared" si="24"/>
        <v>54.7</v>
      </c>
      <c r="O165" s="50">
        <f t="shared" si="24"/>
        <v>54.1</v>
      </c>
      <c r="P165" s="50">
        <f t="shared" si="24"/>
        <v>53.4</v>
      </c>
      <c r="Q165" s="50">
        <f t="shared" si="24"/>
        <v>53.2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5.6</v>
      </c>
      <c r="H166" s="51">
        <f t="shared" si="25"/>
        <v>26.7</v>
      </c>
      <c r="I166" s="51">
        <f t="shared" si="25"/>
        <v>30.7</v>
      </c>
      <c r="J166" s="51">
        <f t="shared" si="25"/>
        <v>31.5</v>
      </c>
      <c r="K166" s="51">
        <f t="shared" si="25"/>
        <v>32</v>
      </c>
      <c r="L166" s="51">
        <f t="shared" si="25"/>
        <v>33.1</v>
      </c>
      <c r="M166" s="51">
        <f t="shared" si="25"/>
        <v>33.6</v>
      </c>
      <c r="N166" s="51">
        <f t="shared" si="25"/>
        <v>34.9</v>
      </c>
      <c r="O166" s="51">
        <f t="shared" si="25"/>
        <v>35.1</v>
      </c>
      <c r="P166" s="51">
        <f t="shared" si="25"/>
        <v>35.6</v>
      </c>
      <c r="Q166" s="51">
        <f t="shared" si="25"/>
        <v>35.700000000000003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0CBA9A-6BC4-41C9-A028-E57357E4232F}">
  <sheetPr codeName="Sheet83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4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6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45</v>
      </c>
      <c r="H5" s="8">
        <f t="shared" si="0"/>
        <v>52</v>
      </c>
      <c r="I5" s="8">
        <f t="shared" si="0"/>
        <v>58</v>
      </c>
      <c r="J5" s="8">
        <f t="shared" si="0"/>
        <v>51</v>
      </c>
      <c r="K5" s="8">
        <f t="shared" si="0"/>
        <v>44</v>
      </c>
      <c r="L5" s="8">
        <f t="shared" si="0"/>
        <v>46</v>
      </c>
      <c r="M5" s="8">
        <f t="shared" si="0"/>
        <v>29</v>
      </c>
      <c r="N5" s="8">
        <f t="shared" si="0"/>
        <v>28</v>
      </c>
      <c r="O5" s="8">
        <f t="shared" si="0"/>
        <v>26</v>
      </c>
      <c r="P5" s="8">
        <f t="shared" si="0"/>
        <v>24</v>
      </c>
      <c r="Q5" s="8">
        <f t="shared" si="0"/>
        <v>23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62</v>
      </c>
      <c r="H6" s="8">
        <f t="shared" si="0"/>
        <v>50</v>
      </c>
      <c r="I6" s="8">
        <f t="shared" si="0"/>
        <v>65</v>
      </c>
      <c r="J6" s="8">
        <f t="shared" si="0"/>
        <v>61</v>
      </c>
      <c r="K6" s="8">
        <f t="shared" si="0"/>
        <v>66</v>
      </c>
      <c r="L6" s="8">
        <f t="shared" si="0"/>
        <v>61</v>
      </c>
      <c r="M6" s="8">
        <f t="shared" si="0"/>
        <v>65</v>
      </c>
      <c r="N6" s="8">
        <f t="shared" si="0"/>
        <v>56</v>
      </c>
      <c r="O6" s="8">
        <f t="shared" si="0"/>
        <v>53</v>
      </c>
      <c r="P6" s="8">
        <f t="shared" si="0"/>
        <v>45</v>
      </c>
      <c r="Q6" s="8">
        <f t="shared" si="0"/>
        <v>47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86</v>
      </c>
      <c r="H7" s="8">
        <f t="shared" si="0"/>
        <v>60</v>
      </c>
      <c r="I7" s="8">
        <f t="shared" si="0"/>
        <v>45</v>
      </c>
      <c r="J7" s="8">
        <f t="shared" si="0"/>
        <v>52</v>
      </c>
      <c r="K7" s="8">
        <f t="shared" si="0"/>
        <v>55</v>
      </c>
      <c r="L7" s="8">
        <f t="shared" si="0"/>
        <v>60</v>
      </c>
      <c r="M7" s="8">
        <f t="shared" si="0"/>
        <v>57</v>
      </c>
      <c r="N7" s="8">
        <f t="shared" si="0"/>
        <v>59</v>
      </c>
      <c r="O7" s="8">
        <f t="shared" si="0"/>
        <v>61</v>
      </c>
      <c r="P7" s="8">
        <f t="shared" si="0"/>
        <v>63</v>
      </c>
      <c r="Q7" s="8">
        <f t="shared" si="0"/>
        <v>58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86</v>
      </c>
      <c r="H8" s="11">
        <f t="shared" si="0"/>
        <v>80</v>
      </c>
      <c r="I8" s="11">
        <f t="shared" si="0"/>
        <v>58</v>
      </c>
      <c r="J8" s="11">
        <f t="shared" si="0"/>
        <v>48</v>
      </c>
      <c r="K8" s="11">
        <f t="shared" si="0"/>
        <v>42</v>
      </c>
      <c r="L8" s="11">
        <f t="shared" si="0"/>
        <v>40</v>
      </c>
      <c r="M8" s="11">
        <f t="shared" si="0"/>
        <v>45</v>
      </c>
      <c r="N8" s="11">
        <f t="shared" si="0"/>
        <v>47</v>
      </c>
      <c r="O8" s="11">
        <f t="shared" si="0"/>
        <v>51</v>
      </c>
      <c r="P8" s="11">
        <f t="shared" si="0"/>
        <v>54</v>
      </c>
      <c r="Q8" s="11">
        <f t="shared" si="0"/>
        <v>58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95</v>
      </c>
      <c r="H9" s="11">
        <f t="shared" si="0"/>
        <v>71</v>
      </c>
      <c r="I9" s="11">
        <f t="shared" si="0"/>
        <v>74</v>
      </c>
      <c r="J9" s="11">
        <f t="shared" si="0"/>
        <v>68</v>
      </c>
      <c r="K9" s="11">
        <f t="shared" si="0"/>
        <v>67</v>
      </c>
      <c r="L9" s="11">
        <f t="shared" si="0"/>
        <v>57</v>
      </c>
      <c r="M9" s="11">
        <f t="shared" si="0"/>
        <v>54</v>
      </c>
      <c r="N9" s="11">
        <f t="shared" si="0"/>
        <v>46</v>
      </c>
      <c r="O9" s="11">
        <f t="shared" si="0"/>
        <v>43</v>
      </c>
      <c r="P9" s="11">
        <f t="shared" si="0"/>
        <v>36</v>
      </c>
      <c r="Q9" s="11">
        <f t="shared" si="0"/>
        <v>34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97</v>
      </c>
      <c r="H10" s="11">
        <f t="shared" si="0"/>
        <v>72</v>
      </c>
      <c r="I10" s="11">
        <f t="shared" si="0"/>
        <v>61</v>
      </c>
      <c r="J10" s="11">
        <f t="shared" si="0"/>
        <v>64</v>
      </c>
      <c r="K10" s="11">
        <f t="shared" si="0"/>
        <v>55</v>
      </c>
      <c r="L10" s="11">
        <f t="shared" si="0"/>
        <v>56</v>
      </c>
      <c r="M10" s="11">
        <f t="shared" si="0"/>
        <v>56</v>
      </c>
      <c r="N10" s="11">
        <f t="shared" si="0"/>
        <v>49</v>
      </c>
      <c r="O10" s="11">
        <f t="shared" si="0"/>
        <v>46</v>
      </c>
      <c r="P10" s="11">
        <f t="shared" si="0"/>
        <v>46</v>
      </c>
      <c r="Q10" s="11">
        <f t="shared" si="0"/>
        <v>37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83</v>
      </c>
      <c r="H11" s="11">
        <f t="shared" si="0"/>
        <v>82</v>
      </c>
      <c r="I11" s="11">
        <f t="shared" si="0"/>
        <v>60</v>
      </c>
      <c r="J11" s="11">
        <f t="shared" si="0"/>
        <v>60</v>
      </c>
      <c r="K11" s="11">
        <f t="shared" si="0"/>
        <v>57</v>
      </c>
      <c r="L11" s="11">
        <f t="shared" si="0"/>
        <v>52</v>
      </c>
      <c r="M11" s="11">
        <f t="shared" si="0"/>
        <v>40</v>
      </c>
      <c r="N11" s="11">
        <f t="shared" si="0"/>
        <v>46</v>
      </c>
      <c r="O11" s="11">
        <f t="shared" si="0"/>
        <v>48</v>
      </c>
      <c r="P11" s="11">
        <f t="shared" si="0"/>
        <v>44</v>
      </c>
      <c r="Q11" s="11">
        <f t="shared" si="0"/>
        <v>45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89</v>
      </c>
      <c r="H12" s="11">
        <f t="shared" si="0"/>
        <v>77</v>
      </c>
      <c r="I12" s="11">
        <f t="shared" si="0"/>
        <v>92</v>
      </c>
      <c r="J12" s="11">
        <f t="shared" si="0"/>
        <v>90</v>
      </c>
      <c r="K12" s="11">
        <f t="shared" si="0"/>
        <v>84</v>
      </c>
      <c r="L12" s="11">
        <f t="shared" si="0"/>
        <v>75</v>
      </c>
      <c r="M12" s="11">
        <f t="shared" si="0"/>
        <v>69</v>
      </c>
      <c r="N12" s="11">
        <f t="shared" si="0"/>
        <v>61</v>
      </c>
      <c r="O12" s="11">
        <f t="shared" si="0"/>
        <v>53</v>
      </c>
      <c r="P12" s="11">
        <f t="shared" si="0"/>
        <v>50</v>
      </c>
      <c r="Q12" s="11">
        <f t="shared" si="0"/>
        <v>46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92</v>
      </c>
      <c r="H13" s="11">
        <f t="shared" si="0"/>
        <v>85</v>
      </c>
      <c r="I13" s="11">
        <f t="shared" si="0"/>
        <v>79</v>
      </c>
      <c r="J13" s="11">
        <f t="shared" si="0"/>
        <v>82</v>
      </c>
      <c r="K13" s="11">
        <f t="shared" si="0"/>
        <v>86</v>
      </c>
      <c r="L13" s="11">
        <f t="shared" si="0"/>
        <v>86</v>
      </c>
      <c r="M13" s="11">
        <f t="shared" si="0"/>
        <v>83</v>
      </c>
      <c r="N13" s="11">
        <f t="shared" si="0"/>
        <v>79</v>
      </c>
      <c r="O13" s="11">
        <f t="shared" si="0"/>
        <v>74</v>
      </c>
      <c r="P13" s="11">
        <f t="shared" si="0"/>
        <v>73</v>
      </c>
      <c r="Q13" s="11">
        <f t="shared" si="0"/>
        <v>71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85</v>
      </c>
      <c r="H14" s="11">
        <f t="shared" si="0"/>
        <v>91</v>
      </c>
      <c r="I14" s="11">
        <f t="shared" si="0"/>
        <v>90</v>
      </c>
      <c r="J14" s="11">
        <f t="shared" si="0"/>
        <v>76</v>
      </c>
      <c r="K14" s="11">
        <f t="shared" si="0"/>
        <v>67</v>
      </c>
      <c r="L14" s="11">
        <f t="shared" si="0"/>
        <v>71</v>
      </c>
      <c r="M14" s="11">
        <f t="shared" si="0"/>
        <v>79</v>
      </c>
      <c r="N14" s="11">
        <f t="shared" si="0"/>
        <v>82</v>
      </c>
      <c r="O14" s="11">
        <f t="shared" si="0"/>
        <v>87</v>
      </c>
      <c r="P14" s="11">
        <f t="shared" si="0"/>
        <v>86</v>
      </c>
      <c r="Q14" s="11">
        <f t="shared" si="0"/>
        <v>82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34</v>
      </c>
      <c r="H15" s="11">
        <f t="shared" si="0"/>
        <v>79</v>
      </c>
      <c r="I15" s="11">
        <f t="shared" si="0"/>
        <v>89</v>
      </c>
      <c r="J15" s="11">
        <f t="shared" si="0"/>
        <v>94</v>
      </c>
      <c r="K15" s="11">
        <f t="shared" si="0"/>
        <v>95</v>
      </c>
      <c r="L15" s="11">
        <f t="shared" si="0"/>
        <v>97</v>
      </c>
      <c r="M15" s="11">
        <f t="shared" si="0"/>
        <v>98</v>
      </c>
      <c r="N15" s="11">
        <f t="shared" si="0"/>
        <v>89</v>
      </c>
      <c r="O15" s="11">
        <f t="shared" si="0"/>
        <v>74</v>
      </c>
      <c r="P15" s="11">
        <f t="shared" si="0"/>
        <v>69</v>
      </c>
      <c r="Q15" s="11">
        <f t="shared" si="0"/>
        <v>72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63</v>
      </c>
      <c r="H16" s="11">
        <f t="shared" si="0"/>
        <v>133</v>
      </c>
      <c r="I16" s="11">
        <f t="shared" si="0"/>
        <v>79</v>
      </c>
      <c r="J16" s="11">
        <f t="shared" si="0"/>
        <v>81</v>
      </c>
      <c r="K16" s="11">
        <f t="shared" si="0"/>
        <v>87</v>
      </c>
      <c r="L16" s="11">
        <f t="shared" si="0"/>
        <v>87</v>
      </c>
      <c r="M16" s="11">
        <f t="shared" si="0"/>
        <v>81</v>
      </c>
      <c r="N16" s="11">
        <f t="shared" si="0"/>
        <v>86</v>
      </c>
      <c r="O16" s="11">
        <f t="shared" si="0"/>
        <v>92</v>
      </c>
      <c r="P16" s="11">
        <f t="shared" si="0"/>
        <v>93</v>
      </c>
      <c r="Q16" s="11">
        <f t="shared" si="0"/>
        <v>96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96</v>
      </c>
      <c r="H17" s="11">
        <f t="shared" si="0"/>
        <v>154</v>
      </c>
      <c r="I17" s="11">
        <f t="shared" si="0"/>
        <v>134</v>
      </c>
      <c r="J17" s="11">
        <f t="shared" si="0"/>
        <v>121</v>
      </c>
      <c r="K17" s="11">
        <f t="shared" si="0"/>
        <v>103</v>
      </c>
      <c r="L17" s="11">
        <f t="shared" si="0"/>
        <v>93</v>
      </c>
      <c r="M17" s="11">
        <f t="shared" si="0"/>
        <v>78</v>
      </c>
      <c r="N17" s="11">
        <f t="shared" si="0"/>
        <v>75</v>
      </c>
      <c r="O17" s="11">
        <f t="shared" si="0"/>
        <v>79</v>
      </c>
      <c r="P17" s="11">
        <f t="shared" si="0"/>
        <v>84</v>
      </c>
      <c r="Q17" s="11">
        <f t="shared" si="0"/>
        <v>85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17</v>
      </c>
      <c r="H18" s="14">
        <f t="shared" si="0"/>
        <v>87</v>
      </c>
      <c r="I18" s="14">
        <f t="shared" si="0"/>
        <v>149</v>
      </c>
      <c r="J18" s="14">
        <f t="shared" si="0"/>
        <v>158</v>
      </c>
      <c r="K18" s="14">
        <f t="shared" si="0"/>
        <v>159</v>
      </c>
      <c r="L18" s="14">
        <f t="shared" si="0"/>
        <v>144</v>
      </c>
      <c r="M18" s="14">
        <f t="shared" si="0"/>
        <v>138</v>
      </c>
      <c r="N18" s="14">
        <f t="shared" si="0"/>
        <v>128</v>
      </c>
      <c r="O18" s="14">
        <f t="shared" si="0"/>
        <v>115</v>
      </c>
      <c r="P18" s="14">
        <f t="shared" si="0"/>
        <v>98</v>
      </c>
      <c r="Q18" s="14">
        <f t="shared" si="0"/>
        <v>87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02</v>
      </c>
      <c r="H19" s="14">
        <f t="shared" si="0"/>
        <v>114</v>
      </c>
      <c r="I19" s="14">
        <f t="shared" si="0"/>
        <v>80</v>
      </c>
      <c r="J19" s="14">
        <f t="shared" si="0"/>
        <v>78</v>
      </c>
      <c r="K19" s="14">
        <f t="shared" si="0"/>
        <v>83</v>
      </c>
      <c r="L19" s="14">
        <f t="shared" si="0"/>
        <v>118</v>
      </c>
      <c r="M19" s="14">
        <f t="shared" si="0"/>
        <v>129</v>
      </c>
      <c r="N19" s="14">
        <f t="shared" si="0"/>
        <v>139</v>
      </c>
      <c r="O19" s="14">
        <f t="shared" si="0"/>
        <v>144</v>
      </c>
      <c r="P19" s="14">
        <f t="shared" si="0"/>
        <v>144</v>
      </c>
      <c r="Q19" s="14">
        <f t="shared" si="0"/>
        <v>131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34</v>
      </c>
      <c r="H20" s="14">
        <f t="shared" si="0"/>
        <v>93</v>
      </c>
      <c r="I20" s="14">
        <f t="shared" si="0"/>
        <v>107</v>
      </c>
      <c r="J20" s="14">
        <f t="shared" si="0"/>
        <v>90</v>
      </c>
      <c r="K20" s="14">
        <f t="shared" si="0"/>
        <v>85</v>
      </c>
      <c r="L20" s="14">
        <f t="shared" si="0"/>
        <v>73</v>
      </c>
      <c r="M20" s="14">
        <f t="shared" si="0"/>
        <v>73</v>
      </c>
      <c r="N20" s="14">
        <f t="shared" si="0"/>
        <v>72</v>
      </c>
      <c r="O20" s="14">
        <f t="shared" si="0"/>
        <v>70</v>
      </c>
      <c r="P20" s="14">
        <f t="shared" si="0"/>
        <v>74</v>
      </c>
      <c r="Q20" s="14">
        <f t="shared" si="0"/>
        <v>104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82</v>
      </c>
      <c r="H21" s="14">
        <f t="shared" si="1"/>
        <v>105</v>
      </c>
      <c r="I21" s="14">
        <f t="shared" si="1"/>
        <v>80</v>
      </c>
      <c r="J21" s="14">
        <f t="shared" si="1"/>
        <v>91</v>
      </c>
      <c r="K21" s="14">
        <f t="shared" si="1"/>
        <v>106</v>
      </c>
      <c r="L21" s="14">
        <f t="shared" si="1"/>
        <v>102</v>
      </c>
      <c r="M21" s="14">
        <f t="shared" si="1"/>
        <v>100</v>
      </c>
      <c r="N21" s="14">
        <f t="shared" si="1"/>
        <v>94</v>
      </c>
      <c r="O21" s="14">
        <f t="shared" si="1"/>
        <v>73</v>
      </c>
      <c r="P21" s="14">
        <f t="shared" si="1"/>
        <v>71</v>
      </c>
      <c r="Q21" s="14">
        <f t="shared" si="1"/>
        <v>66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37</v>
      </c>
      <c r="H22" s="14">
        <f t="shared" si="1"/>
        <v>52</v>
      </c>
      <c r="I22" s="14">
        <f t="shared" si="1"/>
        <v>79</v>
      </c>
      <c r="J22" s="14">
        <f t="shared" si="1"/>
        <v>67</v>
      </c>
      <c r="K22" s="14">
        <f t="shared" si="1"/>
        <v>60</v>
      </c>
      <c r="L22" s="14">
        <f t="shared" si="1"/>
        <v>59</v>
      </c>
      <c r="M22" s="14">
        <f t="shared" si="1"/>
        <v>57</v>
      </c>
      <c r="N22" s="14">
        <f t="shared" si="1"/>
        <v>58</v>
      </c>
      <c r="O22" s="14">
        <f t="shared" si="1"/>
        <v>72</v>
      </c>
      <c r="P22" s="14">
        <f t="shared" si="1"/>
        <v>76</v>
      </c>
      <c r="Q22" s="14">
        <f t="shared" si="1"/>
        <v>73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8</v>
      </c>
      <c r="H23" s="14">
        <f t="shared" si="1"/>
        <v>20</v>
      </c>
      <c r="I23" s="14">
        <f t="shared" si="1"/>
        <v>27</v>
      </c>
      <c r="J23" s="14">
        <f t="shared" si="1"/>
        <v>32</v>
      </c>
      <c r="K23" s="14">
        <f t="shared" si="1"/>
        <v>33</v>
      </c>
      <c r="L23" s="14">
        <f t="shared" si="1"/>
        <v>39</v>
      </c>
      <c r="M23" s="14">
        <f t="shared" si="1"/>
        <v>47</v>
      </c>
      <c r="N23" s="14">
        <f t="shared" si="1"/>
        <v>46</v>
      </c>
      <c r="O23" s="14">
        <f t="shared" si="1"/>
        <v>38</v>
      </c>
      <c r="P23" s="14">
        <f t="shared" si="1"/>
        <v>34</v>
      </c>
      <c r="Q23" s="14">
        <f t="shared" si="1"/>
        <v>32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3</v>
      </c>
      <c r="H24" s="14">
        <f t="shared" si="1"/>
        <v>2</v>
      </c>
      <c r="I24" s="14">
        <f t="shared" si="1"/>
        <v>5</v>
      </c>
      <c r="J24" s="14">
        <f t="shared" si="1"/>
        <v>3</v>
      </c>
      <c r="K24" s="14">
        <f t="shared" si="1"/>
        <v>5</v>
      </c>
      <c r="L24" s="14">
        <f t="shared" si="1"/>
        <v>9</v>
      </c>
      <c r="M24" s="14">
        <f t="shared" si="1"/>
        <v>8</v>
      </c>
      <c r="N24" s="14">
        <f t="shared" si="1"/>
        <v>10</v>
      </c>
      <c r="O24" s="14">
        <f t="shared" si="1"/>
        <v>16</v>
      </c>
      <c r="P24" s="14">
        <f t="shared" si="1"/>
        <v>15</v>
      </c>
      <c r="Q24" s="14">
        <f t="shared" si="1"/>
        <v>13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1</v>
      </c>
      <c r="I25" s="14">
        <f t="shared" si="1"/>
        <v>0</v>
      </c>
      <c r="J25" s="14">
        <f t="shared" si="1"/>
        <v>3</v>
      </c>
      <c r="K25" s="14">
        <f t="shared" si="1"/>
        <v>4</v>
      </c>
      <c r="L25" s="14">
        <f t="shared" si="1"/>
        <v>3</v>
      </c>
      <c r="M25" s="14">
        <f t="shared" si="1"/>
        <v>2</v>
      </c>
      <c r="N25" s="14">
        <f t="shared" si="1"/>
        <v>1</v>
      </c>
      <c r="O25" s="14">
        <f t="shared" si="1"/>
        <v>1</v>
      </c>
      <c r="P25" s="14">
        <f t="shared" si="1"/>
        <v>0</v>
      </c>
      <c r="Q25" s="14">
        <f t="shared" si="1"/>
        <v>0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706</v>
      </c>
      <c r="H26" s="17">
        <f>SUM(H5:H25)</f>
        <v>1560</v>
      </c>
      <c r="I26" s="17">
        <f t="shared" ref="I26:N26" si="2">SUM(I5:I25)</f>
        <v>1511</v>
      </c>
      <c r="J26" s="17">
        <f t="shared" si="2"/>
        <v>1470</v>
      </c>
      <c r="K26" s="17">
        <f t="shared" si="2"/>
        <v>1443</v>
      </c>
      <c r="L26" s="17">
        <f t="shared" si="2"/>
        <v>1428</v>
      </c>
      <c r="M26" s="17">
        <f t="shared" si="2"/>
        <v>1388</v>
      </c>
      <c r="N26" s="17">
        <f t="shared" si="2"/>
        <v>1351</v>
      </c>
      <c r="O26" s="17">
        <f>SUM(O5:O25)</f>
        <v>1316</v>
      </c>
      <c r="P26" s="17">
        <f>SUM(P5:P25)</f>
        <v>1279</v>
      </c>
      <c r="Q26" s="17">
        <f>SUM(Q5:Q25)</f>
        <v>1260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93</v>
      </c>
      <c r="H31" s="21">
        <f t="shared" si="3"/>
        <v>162</v>
      </c>
      <c r="I31" s="21">
        <f t="shared" si="3"/>
        <v>168</v>
      </c>
      <c r="J31" s="21">
        <f t="shared" si="3"/>
        <v>164</v>
      </c>
      <c r="K31" s="21">
        <f t="shared" si="3"/>
        <v>165</v>
      </c>
      <c r="L31" s="21">
        <f t="shared" si="3"/>
        <v>167</v>
      </c>
      <c r="M31" s="21">
        <f t="shared" si="3"/>
        <v>151</v>
      </c>
      <c r="N31" s="21">
        <f t="shared" si="3"/>
        <v>143</v>
      </c>
      <c r="O31" s="21">
        <f t="shared" si="3"/>
        <v>140</v>
      </c>
      <c r="P31" s="21">
        <f t="shared" si="3"/>
        <v>132</v>
      </c>
      <c r="Q31" s="21">
        <f t="shared" si="3"/>
        <v>128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020</v>
      </c>
      <c r="H32" s="22">
        <f t="shared" si="4"/>
        <v>924</v>
      </c>
      <c r="I32" s="22">
        <f t="shared" si="4"/>
        <v>816</v>
      </c>
      <c r="J32" s="22">
        <f t="shared" si="4"/>
        <v>784</v>
      </c>
      <c r="K32" s="22">
        <f t="shared" si="4"/>
        <v>743</v>
      </c>
      <c r="L32" s="22">
        <f t="shared" si="4"/>
        <v>714</v>
      </c>
      <c r="M32" s="22">
        <f t="shared" si="4"/>
        <v>683</v>
      </c>
      <c r="N32" s="22">
        <f t="shared" si="4"/>
        <v>660</v>
      </c>
      <c r="O32" s="22">
        <f t="shared" si="4"/>
        <v>647</v>
      </c>
      <c r="P32" s="22">
        <f t="shared" si="4"/>
        <v>635</v>
      </c>
      <c r="Q32" s="22">
        <f t="shared" si="4"/>
        <v>626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493</v>
      </c>
      <c r="H33" s="23">
        <f t="shared" si="5"/>
        <v>474</v>
      </c>
      <c r="I33" s="23">
        <f t="shared" si="5"/>
        <v>527</v>
      </c>
      <c r="J33" s="23">
        <f t="shared" si="5"/>
        <v>522</v>
      </c>
      <c r="K33" s="23">
        <f t="shared" si="5"/>
        <v>535</v>
      </c>
      <c r="L33" s="23">
        <f t="shared" si="5"/>
        <v>547</v>
      </c>
      <c r="M33" s="23">
        <f t="shared" si="5"/>
        <v>554</v>
      </c>
      <c r="N33" s="23">
        <f t="shared" si="5"/>
        <v>548</v>
      </c>
      <c r="O33" s="23">
        <f t="shared" si="5"/>
        <v>529</v>
      </c>
      <c r="P33" s="23">
        <f t="shared" si="5"/>
        <v>512</v>
      </c>
      <c r="Q33" s="23">
        <f t="shared" si="5"/>
        <v>506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706</v>
      </c>
      <c r="H34" s="24">
        <f>SUM(H31:H33)</f>
        <v>1560</v>
      </c>
      <c r="I34" s="24">
        <f t="shared" ref="I34:N34" si="6">SUM(I31:I33)</f>
        <v>1511</v>
      </c>
      <c r="J34" s="24">
        <f t="shared" si="6"/>
        <v>1470</v>
      </c>
      <c r="K34" s="24">
        <f t="shared" si="6"/>
        <v>1443</v>
      </c>
      <c r="L34" s="24">
        <f t="shared" si="6"/>
        <v>1428</v>
      </c>
      <c r="M34" s="24">
        <f t="shared" si="6"/>
        <v>1388</v>
      </c>
      <c r="N34" s="24">
        <f t="shared" si="6"/>
        <v>1351</v>
      </c>
      <c r="O34" s="24">
        <f>SUM(O31:O33)</f>
        <v>1316</v>
      </c>
      <c r="P34" s="24">
        <f>SUM(P31:P33)</f>
        <v>1279</v>
      </c>
      <c r="Q34" s="24">
        <f>SUM(Q31:Q33)</f>
        <v>1260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1.3</v>
      </c>
      <c r="H39" s="33">
        <f t="shared" si="7"/>
        <v>10.4</v>
      </c>
      <c r="I39" s="33">
        <f t="shared" si="7"/>
        <v>11.1</v>
      </c>
      <c r="J39" s="33">
        <f t="shared" si="7"/>
        <v>11.2</v>
      </c>
      <c r="K39" s="33">
        <f t="shared" si="7"/>
        <v>11.4</v>
      </c>
      <c r="L39" s="33">
        <f t="shared" si="7"/>
        <v>11.7</v>
      </c>
      <c r="M39" s="33">
        <f t="shared" si="7"/>
        <v>10.9</v>
      </c>
      <c r="N39" s="33">
        <f t="shared" si="7"/>
        <v>10.6</v>
      </c>
      <c r="O39" s="33">
        <f t="shared" si="7"/>
        <v>10.6</v>
      </c>
      <c r="P39" s="33">
        <f t="shared" si="7"/>
        <v>10.3</v>
      </c>
      <c r="Q39" s="33">
        <f t="shared" si="7"/>
        <v>10.199999999999999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59.8</v>
      </c>
      <c r="H40" s="35">
        <f t="shared" si="8"/>
        <v>59.2</v>
      </c>
      <c r="I40" s="35">
        <f t="shared" si="8"/>
        <v>54</v>
      </c>
      <c r="J40" s="35">
        <f t="shared" si="8"/>
        <v>53.3</v>
      </c>
      <c r="K40" s="35">
        <f t="shared" si="8"/>
        <v>51.5</v>
      </c>
      <c r="L40" s="35">
        <f t="shared" si="8"/>
        <v>50</v>
      </c>
      <c r="M40" s="35">
        <f t="shared" si="8"/>
        <v>49.2</v>
      </c>
      <c r="N40" s="35">
        <f t="shared" si="8"/>
        <v>48.9</v>
      </c>
      <c r="O40" s="35">
        <f t="shared" si="8"/>
        <v>49.2</v>
      </c>
      <c r="P40" s="35">
        <f t="shared" si="8"/>
        <v>49.6</v>
      </c>
      <c r="Q40" s="35">
        <f t="shared" si="8"/>
        <v>49.7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8.9</v>
      </c>
      <c r="H41" s="37">
        <f t="shared" si="9"/>
        <v>30.4</v>
      </c>
      <c r="I41" s="37">
        <f t="shared" si="9"/>
        <v>34.9</v>
      </c>
      <c r="J41" s="37">
        <f t="shared" si="9"/>
        <v>35.5</v>
      </c>
      <c r="K41" s="37">
        <f t="shared" si="9"/>
        <v>37.1</v>
      </c>
      <c r="L41" s="37">
        <f t="shared" si="9"/>
        <v>38.299999999999997</v>
      </c>
      <c r="M41" s="37">
        <f t="shared" si="9"/>
        <v>39.9</v>
      </c>
      <c r="N41" s="37">
        <f t="shared" si="9"/>
        <v>40.6</v>
      </c>
      <c r="O41" s="37">
        <f t="shared" si="9"/>
        <v>40.200000000000003</v>
      </c>
      <c r="P41" s="37">
        <f t="shared" si="9"/>
        <v>40</v>
      </c>
      <c r="Q41" s="37">
        <f t="shared" si="9"/>
        <v>40.200000000000003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61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22</v>
      </c>
      <c r="H84" s="8">
        <v>28</v>
      </c>
      <c r="I84" s="8">
        <v>28</v>
      </c>
      <c r="J84" s="8">
        <v>23</v>
      </c>
      <c r="K84" s="8">
        <v>20</v>
      </c>
      <c r="L84" s="8">
        <v>22</v>
      </c>
      <c r="M84" s="8">
        <v>15</v>
      </c>
      <c r="N84" s="21">
        <v>16</v>
      </c>
      <c r="O84" s="21">
        <v>13</v>
      </c>
      <c r="P84" s="21">
        <v>10</v>
      </c>
      <c r="Q84" s="21">
        <v>9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33</v>
      </c>
      <c r="H85" s="8">
        <v>27</v>
      </c>
      <c r="I85" s="8">
        <v>34</v>
      </c>
      <c r="J85" s="8">
        <v>30</v>
      </c>
      <c r="K85" s="8">
        <v>31</v>
      </c>
      <c r="L85" s="8">
        <v>30</v>
      </c>
      <c r="M85" s="8">
        <v>29</v>
      </c>
      <c r="N85" s="21">
        <v>26</v>
      </c>
      <c r="O85" s="21">
        <v>26</v>
      </c>
      <c r="P85" s="21">
        <v>23</v>
      </c>
      <c r="Q85" s="21">
        <v>24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49</v>
      </c>
      <c r="H86" s="8">
        <v>34</v>
      </c>
      <c r="I86" s="8">
        <v>24</v>
      </c>
      <c r="J86" s="8">
        <v>29</v>
      </c>
      <c r="K86" s="8">
        <v>34</v>
      </c>
      <c r="L86" s="8">
        <v>33</v>
      </c>
      <c r="M86" s="8">
        <v>35</v>
      </c>
      <c r="N86" s="21">
        <v>32</v>
      </c>
      <c r="O86" s="21">
        <v>31</v>
      </c>
      <c r="P86" s="21">
        <v>31</v>
      </c>
      <c r="Q86" s="21">
        <v>30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50</v>
      </c>
      <c r="H87" s="11">
        <v>44</v>
      </c>
      <c r="I87" s="11">
        <v>32</v>
      </c>
      <c r="J87" s="11">
        <v>26</v>
      </c>
      <c r="K87" s="11">
        <v>22</v>
      </c>
      <c r="L87" s="11">
        <v>22</v>
      </c>
      <c r="M87" s="11">
        <v>24</v>
      </c>
      <c r="N87" s="22">
        <v>24</v>
      </c>
      <c r="O87" s="22">
        <v>26</v>
      </c>
      <c r="P87" s="22">
        <v>31</v>
      </c>
      <c r="Q87" s="22">
        <v>32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50</v>
      </c>
      <c r="H88" s="11">
        <v>38</v>
      </c>
      <c r="I88" s="11">
        <v>38</v>
      </c>
      <c r="J88" s="11">
        <v>36</v>
      </c>
      <c r="K88" s="11">
        <v>35</v>
      </c>
      <c r="L88" s="11">
        <v>30</v>
      </c>
      <c r="M88" s="11">
        <v>28</v>
      </c>
      <c r="N88" s="22">
        <v>29</v>
      </c>
      <c r="O88" s="22">
        <v>28</v>
      </c>
      <c r="P88" s="22">
        <v>21</v>
      </c>
      <c r="Q88" s="22">
        <v>18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57</v>
      </c>
      <c r="H89" s="11">
        <v>38</v>
      </c>
      <c r="I89" s="11">
        <v>34</v>
      </c>
      <c r="J89" s="11">
        <v>37</v>
      </c>
      <c r="K89" s="11">
        <v>32</v>
      </c>
      <c r="L89" s="11">
        <v>32</v>
      </c>
      <c r="M89" s="11">
        <v>34</v>
      </c>
      <c r="N89" s="22">
        <v>29</v>
      </c>
      <c r="O89" s="22">
        <v>29</v>
      </c>
      <c r="P89" s="22">
        <v>30</v>
      </c>
      <c r="Q89" s="22">
        <v>25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48</v>
      </c>
      <c r="H90" s="11">
        <v>46</v>
      </c>
      <c r="I90" s="11">
        <v>30</v>
      </c>
      <c r="J90" s="11">
        <v>27</v>
      </c>
      <c r="K90" s="11">
        <v>23</v>
      </c>
      <c r="L90" s="11">
        <v>22</v>
      </c>
      <c r="M90" s="11">
        <v>21</v>
      </c>
      <c r="N90" s="22">
        <v>27</v>
      </c>
      <c r="O90" s="22">
        <v>26</v>
      </c>
      <c r="P90" s="22">
        <v>24</v>
      </c>
      <c r="Q90" s="22">
        <v>26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39</v>
      </c>
      <c r="H91" s="11">
        <v>47</v>
      </c>
      <c r="I91" s="11">
        <v>47</v>
      </c>
      <c r="J91" s="11">
        <v>49</v>
      </c>
      <c r="K91" s="11">
        <v>45</v>
      </c>
      <c r="L91" s="11">
        <v>36</v>
      </c>
      <c r="M91" s="11">
        <v>34</v>
      </c>
      <c r="N91" s="22">
        <v>31</v>
      </c>
      <c r="O91" s="22">
        <v>27</v>
      </c>
      <c r="P91" s="22">
        <v>25</v>
      </c>
      <c r="Q91" s="22">
        <v>24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46</v>
      </c>
      <c r="H92" s="11">
        <v>37</v>
      </c>
      <c r="I92" s="11">
        <v>49</v>
      </c>
      <c r="J92" s="11">
        <v>47</v>
      </c>
      <c r="K92" s="11">
        <v>50</v>
      </c>
      <c r="L92" s="11">
        <v>55</v>
      </c>
      <c r="M92" s="11">
        <v>46</v>
      </c>
      <c r="N92" s="22">
        <v>40</v>
      </c>
      <c r="O92" s="22">
        <v>41</v>
      </c>
      <c r="P92" s="22">
        <v>40</v>
      </c>
      <c r="Q92" s="22">
        <v>35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44</v>
      </c>
      <c r="H93" s="11">
        <v>44</v>
      </c>
      <c r="I93" s="11">
        <v>38</v>
      </c>
      <c r="J93" s="11">
        <v>35</v>
      </c>
      <c r="K93" s="11">
        <v>33</v>
      </c>
      <c r="L93" s="11">
        <v>39</v>
      </c>
      <c r="M93" s="11">
        <v>46</v>
      </c>
      <c r="N93" s="22">
        <v>51</v>
      </c>
      <c r="O93" s="22">
        <v>50</v>
      </c>
      <c r="P93" s="22">
        <v>52</v>
      </c>
      <c r="Q93" s="22">
        <v>52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65</v>
      </c>
      <c r="H94" s="11">
        <v>41</v>
      </c>
      <c r="I94" s="11">
        <v>41</v>
      </c>
      <c r="J94" s="11">
        <v>40</v>
      </c>
      <c r="K94" s="11">
        <v>40</v>
      </c>
      <c r="L94" s="11">
        <v>40</v>
      </c>
      <c r="M94" s="11">
        <v>42</v>
      </c>
      <c r="N94" s="22">
        <v>37</v>
      </c>
      <c r="O94" s="22">
        <v>35</v>
      </c>
      <c r="P94" s="22">
        <v>34</v>
      </c>
      <c r="Q94" s="22">
        <v>41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93</v>
      </c>
      <c r="H95" s="11">
        <v>64</v>
      </c>
      <c r="I95" s="11">
        <v>43</v>
      </c>
      <c r="J95" s="11">
        <v>45</v>
      </c>
      <c r="K95" s="11">
        <v>47</v>
      </c>
      <c r="L95" s="11">
        <v>47</v>
      </c>
      <c r="M95" s="11">
        <v>40</v>
      </c>
      <c r="N95" s="22">
        <v>41</v>
      </c>
      <c r="O95" s="22">
        <v>38</v>
      </c>
      <c r="P95" s="22">
        <v>39</v>
      </c>
      <c r="Q95" s="22">
        <v>40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45</v>
      </c>
      <c r="H96" s="11">
        <v>90</v>
      </c>
      <c r="I96" s="11">
        <v>63</v>
      </c>
      <c r="J96" s="11">
        <v>55</v>
      </c>
      <c r="K96" s="11">
        <v>51</v>
      </c>
      <c r="L96" s="11">
        <v>47</v>
      </c>
      <c r="M96" s="11">
        <v>40</v>
      </c>
      <c r="N96" s="22">
        <v>40</v>
      </c>
      <c r="O96" s="22">
        <v>44</v>
      </c>
      <c r="P96" s="22">
        <v>46</v>
      </c>
      <c r="Q96" s="22">
        <v>45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55</v>
      </c>
      <c r="H97" s="14">
        <v>40</v>
      </c>
      <c r="I97" s="14">
        <v>86</v>
      </c>
      <c r="J97" s="14">
        <v>88</v>
      </c>
      <c r="K97" s="14">
        <v>80</v>
      </c>
      <c r="L97" s="14">
        <v>66</v>
      </c>
      <c r="M97" s="14">
        <v>64</v>
      </c>
      <c r="N97" s="23">
        <v>60</v>
      </c>
      <c r="O97" s="23">
        <v>54</v>
      </c>
      <c r="P97" s="23">
        <v>48</v>
      </c>
      <c r="Q97" s="23">
        <v>43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49</v>
      </c>
      <c r="H98" s="14">
        <v>52</v>
      </c>
      <c r="I98" s="14">
        <v>36</v>
      </c>
      <c r="J98" s="14">
        <v>40</v>
      </c>
      <c r="K98" s="14">
        <v>47</v>
      </c>
      <c r="L98" s="14">
        <v>71</v>
      </c>
      <c r="M98" s="14">
        <v>76</v>
      </c>
      <c r="N98" s="23">
        <v>79</v>
      </c>
      <c r="O98" s="23">
        <v>78</v>
      </c>
      <c r="P98" s="23">
        <v>71</v>
      </c>
      <c r="Q98" s="23">
        <v>60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55</v>
      </c>
      <c r="H99" s="14">
        <v>43</v>
      </c>
      <c r="I99" s="14">
        <v>46</v>
      </c>
      <c r="J99" s="14">
        <v>38</v>
      </c>
      <c r="K99" s="14">
        <v>35</v>
      </c>
      <c r="L99" s="14">
        <v>28</v>
      </c>
      <c r="M99" s="14">
        <v>28</v>
      </c>
      <c r="N99" s="23">
        <v>30</v>
      </c>
      <c r="O99" s="23">
        <v>34</v>
      </c>
      <c r="P99" s="23">
        <v>40</v>
      </c>
      <c r="Q99" s="23">
        <v>60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32</v>
      </c>
      <c r="H100" s="14">
        <v>40</v>
      </c>
      <c r="I100" s="14">
        <v>33</v>
      </c>
      <c r="J100" s="14">
        <v>36</v>
      </c>
      <c r="K100" s="14">
        <v>43</v>
      </c>
      <c r="L100" s="14">
        <v>40</v>
      </c>
      <c r="M100" s="14">
        <v>40</v>
      </c>
      <c r="N100" s="23">
        <v>37</v>
      </c>
      <c r="O100" s="23">
        <v>29</v>
      </c>
      <c r="P100" s="23">
        <v>28</v>
      </c>
      <c r="Q100" s="23">
        <v>26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6</v>
      </c>
      <c r="H101" s="14">
        <v>17</v>
      </c>
      <c r="I101" s="14">
        <v>20</v>
      </c>
      <c r="J101" s="14">
        <v>19</v>
      </c>
      <c r="K101" s="14">
        <v>16</v>
      </c>
      <c r="L101" s="14">
        <v>17</v>
      </c>
      <c r="M101" s="14">
        <v>17</v>
      </c>
      <c r="N101" s="23">
        <v>19</v>
      </c>
      <c r="O101" s="23">
        <v>26</v>
      </c>
      <c r="P101" s="23">
        <v>26</v>
      </c>
      <c r="Q101" s="23">
        <v>24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6</v>
      </c>
      <c r="H102" s="14">
        <v>5</v>
      </c>
      <c r="I102" s="14">
        <v>7</v>
      </c>
      <c r="J102" s="14">
        <v>8</v>
      </c>
      <c r="K102" s="14">
        <v>6</v>
      </c>
      <c r="L102" s="14">
        <v>7</v>
      </c>
      <c r="M102" s="14">
        <v>9</v>
      </c>
      <c r="N102" s="23">
        <v>8</v>
      </c>
      <c r="O102" s="23">
        <v>7</v>
      </c>
      <c r="P102" s="23">
        <v>7</v>
      </c>
      <c r="Q102" s="23">
        <v>8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1</v>
      </c>
      <c r="I103" s="14">
        <v>0</v>
      </c>
      <c r="J103" s="14">
        <v>0</v>
      </c>
      <c r="K103" s="14">
        <v>2</v>
      </c>
      <c r="L103" s="14">
        <v>2</v>
      </c>
      <c r="M103" s="14">
        <v>1</v>
      </c>
      <c r="N103" s="23">
        <v>0</v>
      </c>
      <c r="O103" s="23">
        <v>2</v>
      </c>
      <c r="P103" s="23">
        <v>2</v>
      </c>
      <c r="Q103" s="23">
        <v>2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844</v>
      </c>
      <c r="H105" s="17">
        <f t="shared" ref="H105:N105" si="10">SUM(H84:H104)</f>
        <v>776</v>
      </c>
      <c r="I105" s="17">
        <f t="shared" si="10"/>
        <v>729</v>
      </c>
      <c r="J105" s="17">
        <f t="shared" si="10"/>
        <v>708</v>
      </c>
      <c r="K105" s="17">
        <f t="shared" si="10"/>
        <v>692</v>
      </c>
      <c r="L105" s="17">
        <f t="shared" si="10"/>
        <v>686</v>
      </c>
      <c r="M105" s="17">
        <f t="shared" si="10"/>
        <v>669</v>
      </c>
      <c r="N105" s="17">
        <f t="shared" si="10"/>
        <v>656</v>
      </c>
      <c r="O105" s="17">
        <f>SUM(O84:O104)</f>
        <v>644</v>
      </c>
      <c r="P105" s="17">
        <f>SUM(P84:P104)</f>
        <v>628</v>
      </c>
      <c r="Q105" s="17">
        <f>SUM(Q84:Q104)</f>
        <v>624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04</v>
      </c>
      <c r="H110" s="8">
        <f t="shared" si="11"/>
        <v>89</v>
      </c>
      <c r="I110" s="8">
        <f t="shared" si="11"/>
        <v>86</v>
      </c>
      <c r="J110" s="8">
        <f t="shared" si="11"/>
        <v>82</v>
      </c>
      <c r="K110" s="8">
        <f t="shared" si="11"/>
        <v>85</v>
      </c>
      <c r="L110" s="8">
        <f t="shared" si="11"/>
        <v>85</v>
      </c>
      <c r="M110" s="8">
        <f t="shared" si="11"/>
        <v>79</v>
      </c>
      <c r="N110" s="8">
        <f t="shared" si="11"/>
        <v>74</v>
      </c>
      <c r="O110" s="8">
        <f t="shared" si="11"/>
        <v>70</v>
      </c>
      <c r="P110" s="8">
        <f t="shared" si="11"/>
        <v>64</v>
      </c>
      <c r="Q110" s="8">
        <v>63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537</v>
      </c>
      <c r="H111" s="11">
        <f t="shared" si="12"/>
        <v>489</v>
      </c>
      <c r="I111" s="11">
        <f t="shared" si="12"/>
        <v>415</v>
      </c>
      <c r="J111" s="11">
        <f t="shared" si="12"/>
        <v>397</v>
      </c>
      <c r="K111" s="11">
        <f t="shared" si="12"/>
        <v>378</v>
      </c>
      <c r="L111" s="11">
        <f t="shared" si="12"/>
        <v>370</v>
      </c>
      <c r="M111" s="11">
        <f t="shared" si="12"/>
        <v>355</v>
      </c>
      <c r="N111" s="11">
        <f t="shared" si="12"/>
        <v>349</v>
      </c>
      <c r="O111" s="11">
        <f t="shared" si="12"/>
        <v>344</v>
      </c>
      <c r="P111" s="11">
        <f t="shared" si="12"/>
        <v>342</v>
      </c>
      <c r="Q111" s="11">
        <v>338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03</v>
      </c>
      <c r="H112" s="14">
        <f t="shared" si="13"/>
        <v>198</v>
      </c>
      <c r="I112" s="14">
        <f t="shared" si="13"/>
        <v>228</v>
      </c>
      <c r="J112" s="14">
        <f t="shared" si="13"/>
        <v>229</v>
      </c>
      <c r="K112" s="14">
        <f t="shared" si="13"/>
        <v>229</v>
      </c>
      <c r="L112" s="14">
        <f t="shared" si="13"/>
        <v>231</v>
      </c>
      <c r="M112" s="14">
        <f t="shared" si="13"/>
        <v>235</v>
      </c>
      <c r="N112" s="14">
        <f t="shared" si="13"/>
        <v>233</v>
      </c>
      <c r="O112" s="14">
        <f t="shared" si="13"/>
        <v>230</v>
      </c>
      <c r="P112" s="14">
        <f t="shared" si="13"/>
        <v>222</v>
      </c>
      <c r="Q112" s="14">
        <v>223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844</v>
      </c>
      <c r="H113" s="17">
        <f t="shared" ref="H113:N113" si="14">SUM(H110:H112)</f>
        <v>776</v>
      </c>
      <c r="I113" s="17">
        <f t="shared" si="14"/>
        <v>729</v>
      </c>
      <c r="J113" s="17">
        <f t="shared" si="14"/>
        <v>708</v>
      </c>
      <c r="K113" s="17">
        <f t="shared" si="14"/>
        <v>692</v>
      </c>
      <c r="L113" s="17">
        <f t="shared" si="14"/>
        <v>686</v>
      </c>
      <c r="M113" s="17">
        <f t="shared" si="14"/>
        <v>669</v>
      </c>
      <c r="N113" s="17">
        <f t="shared" si="14"/>
        <v>656</v>
      </c>
      <c r="O113" s="17">
        <f>SUM(O110:O112)</f>
        <v>644</v>
      </c>
      <c r="P113" s="17">
        <f>SUM(P110:P112)</f>
        <v>628</v>
      </c>
      <c r="Q113" s="17">
        <f>SUM(Q110:Q112)</f>
        <v>624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2.3</v>
      </c>
      <c r="H118" s="49">
        <f t="shared" si="15"/>
        <v>11.5</v>
      </c>
      <c r="I118" s="49">
        <f t="shared" si="15"/>
        <v>11.8</v>
      </c>
      <c r="J118" s="49">
        <f t="shared" si="15"/>
        <v>11.6</v>
      </c>
      <c r="K118" s="49">
        <f t="shared" si="15"/>
        <v>12.3</v>
      </c>
      <c r="L118" s="49">
        <f t="shared" si="15"/>
        <v>12.4</v>
      </c>
      <c r="M118" s="49">
        <f t="shared" si="15"/>
        <v>11.8</v>
      </c>
      <c r="N118" s="49">
        <f t="shared" si="15"/>
        <v>11.3</v>
      </c>
      <c r="O118" s="49">
        <f t="shared" si="15"/>
        <v>10.9</v>
      </c>
      <c r="P118" s="49">
        <f t="shared" si="15"/>
        <v>10.199999999999999</v>
      </c>
      <c r="Q118" s="49">
        <f t="shared" si="15"/>
        <v>10.1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3.6</v>
      </c>
      <c r="H119" s="50">
        <f t="shared" si="16"/>
        <v>63</v>
      </c>
      <c r="I119" s="50">
        <f t="shared" si="16"/>
        <v>56.9</v>
      </c>
      <c r="J119" s="50">
        <f t="shared" si="16"/>
        <v>56.1</v>
      </c>
      <c r="K119" s="50">
        <f t="shared" si="16"/>
        <v>54.6</v>
      </c>
      <c r="L119" s="50">
        <f t="shared" si="16"/>
        <v>53.9</v>
      </c>
      <c r="M119" s="50">
        <f t="shared" si="16"/>
        <v>53.1</v>
      </c>
      <c r="N119" s="50">
        <f t="shared" si="16"/>
        <v>53.2</v>
      </c>
      <c r="O119" s="50">
        <f t="shared" si="16"/>
        <v>53.4</v>
      </c>
      <c r="P119" s="50">
        <f t="shared" si="16"/>
        <v>54.5</v>
      </c>
      <c r="Q119" s="50">
        <f t="shared" si="16"/>
        <v>54.2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24.1</v>
      </c>
      <c r="H120" s="51">
        <f t="shared" si="17"/>
        <v>25.5</v>
      </c>
      <c r="I120" s="51">
        <f t="shared" si="17"/>
        <v>31.3</v>
      </c>
      <c r="J120" s="51">
        <f t="shared" si="17"/>
        <v>32.299999999999997</v>
      </c>
      <c r="K120" s="51">
        <f t="shared" si="17"/>
        <v>33.1</v>
      </c>
      <c r="L120" s="51">
        <f t="shared" si="17"/>
        <v>33.700000000000003</v>
      </c>
      <c r="M120" s="51">
        <f t="shared" si="17"/>
        <v>35.1</v>
      </c>
      <c r="N120" s="51">
        <f t="shared" si="17"/>
        <v>35.5</v>
      </c>
      <c r="O120" s="51">
        <f t="shared" si="17"/>
        <v>35.700000000000003</v>
      </c>
      <c r="P120" s="51">
        <f t="shared" si="17"/>
        <v>35.4</v>
      </c>
      <c r="Q120" s="51">
        <f t="shared" si="17"/>
        <v>35.700000000000003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62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23</v>
      </c>
      <c r="H130" s="8">
        <v>24</v>
      </c>
      <c r="I130" s="8">
        <v>30</v>
      </c>
      <c r="J130" s="8">
        <v>28</v>
      </c>
      <c r="K130" s="8">
        <v>24</v>
      </c>
      <c r="L130" s="8">
        <v>24</v>
      </c>
      <c r="M130" s="8">
        <v>14</v>
      </c>
      <c r="N130" s="21">
        <v>12</v>
      </c>
      <c r="O130" s="21">
        <v>13</v>
      </c>
      <c r="P130" s="21">
        <v>14</v>
      </c>
      <c r="Q130" s="21">
        <v>14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9</v>
      </c>
      <c r="H131" s="8">
        <v>23</v>
      </c>
      <c r="I131" s="8">
        <v>31</v>
      </c>
      <c r="J131" s="8">
        <v>31</v>
      </c>
      <c r="K131" s="8">
        <v>35</v>
      </c>
      <c r="L131" s="8">
        <v>31</v>
      </c>
      <c r="M131" s="8">
        <v>36</v>
      </c>
      <c r="N131" s="21">
        <v>30</v>
      </c>
      <c r="O131" s="21">
        <v>27</v>
      </c>
      <c r="P131" s="21">
        <v>22</v>
      </c>
      <c r="Q131" s="21">
        <v>23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37</v>
      </c>
      <c r="H132" s="8">
        <v>26</v>
      </c>
      <c r="I132" s="8">
        <v>21</v>
      </c>
      <c r="J132" s="8">
        <v>23</v>
      </c>
      <c r="K132" s="8">
        <v>21</v>
      </c>
      <c r="L132" s="8">
        <v>27</v>
      </c>
      <c r="M132" s="8">
        <v>22</v>
      </c>
      <c r="N132" s="21">
        <v>27</v>
      </c>
      <c r="O132" s="21">
        <v>30</v>
      </c>
      <c r="P132" s="21">
        <v>32</v>
      </c>
      <c r="Q132" s="21">
        <v>28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36</v>
      </c>
      <c r="H133" s="11">
        <v>36</v>
      </c>
      <c r="I133" s="11">
        <v>26</v>
      </c>
      <c r="J133" s="11">
        <v>22</v>
      </c>
      <c r="K133" s="11">
        <v>20</v>
      </c>
      <c r="L133" s="11">
        <v>18</v>
      </c>
      <c r="M133" s="11">
        <v>21</v>
      </c>
      <c r="N133" s="22">
        <v>23</v>
      </c>
      <c r="O133" s="22">
        <v>25</v>
      </c>
      <c r="P133" s="22">
        <v>23</v>
      </c>
      <c r="Q133" s="22">
        <v>26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45</v>
      </c>
      <c r="H134" s="11">
        <v>33</v>
      </c>
      <c r="I134" s="11">
        <v>36</v>
      </c>
      <c r="J134" s="11">
        <v>32</v>
      </c>
      <c r="K134" s="11">
        <v>32</v>
      </c>
      <c r="L134" s="11">
        <v>27</v>
      </c>
      <c r="M134" s="11">
        <v>26</v>
      </c>
      <c r="N134" s="22">
        <v>17</v>
      </c>
      <c r="O134" s="22">
        <v>15</v>
      </c>
      <c r="P134" s="22">
        <v>15</v>
      </c>
      <c r="Q134" s="22">
        <v>16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40</v>
      </c>
      <c r="H135" s="11">
        <v>34</v>
      </c>
      <c r="I135" s="11">
        <v>27</v>
      </c>
      <c r="J135" s="11">
        <v>27</v>
      </c>
      <c r="K135" s="11">
        <v>23</v>
      </c>
      <c r="L135" s="11">
        <v>24</v>
      </c>
      <c r="M135" s="11">
        <v>22</v>
      </c>
      <c r="N135" s="22">
        <v>20</v>
      </c>
      <c r="O135" s="22">
        <v>17</v>
      </c>
      <c r="P135" s="22">
        <v>16</v>
      </c>
      <c r="Q135" s="22">
        <v>12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35</v>
      </c>
      <c r="H136" s="11">
        <v>36</v>
      </c>
      <c r="I136" s="11">
        <v>30</v>
      </c>
      <c r="J136" s="11">
        <v>33</v>
      </c>
      <c r="K136" s="11">
        <v>34</v>
      </c>
      <c r="L136" s="11">
        <v>30</v>
      </c>
      <c r="M136" s="11">
        <v>19</v>
      </c>
      <c r="N136" s="22">
        <v>19</v>
      </c>
      <c r="O136" s="22">
        <v>22</v>
      </c>
      <c r="P136" s="22">
        <v>20</v>
      </c>
      <c r="Q136" s="22">
        <v>19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50</v>
      </c>
      <c r="H137" s="11">
        <v>30</v>
      </c>
      <c r="I137" s="11">
        <v>45</v>
      </c>
      <c r="J137" s="11">
        <v>41</v>
      </c>
      <c r="K137" s="11">
        <v>39</v>
      </c>
      <c r="L137" s="11">
        <v>39</v>
      </c>
      <c r="M137" s="11">
        <v>35</v>
      </c>
      <c r="N137" s="22">
        <v>30</v>
      </c>
      <c r="O137" s="22">
        <v>26</v>
      </c>
      <c r="P137" s="22">
        <v>25</v>
      </c>
      <c r="Q137" s="22">
        <v>22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46</v>
      </c>
      <c r="H138" s="11">
        <v>48</v>
      </c>
      <c r="I138" s="11">
        <v>30</v>
      </c>
      <c r="J138" s="11">
        <v>35</v>
      </c>
      <c r="K138" s="11">
        <v>36</v>
      </c>
      <c r="L138" s="11">
        <v>31</v>
      </c>
      <c r="M138" s="11">
        <v>37</v>
      </c>
      <c r="N138" s="22">
        <v>39</v>
      </c>
      <c r="O138" s="22">
        <v>33</v>
      </c>
      <c r="P138" s="22">
        <v>33</v>
      </c>
      <c r="Q138" s="22">
        <v>36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41</v>
      </c>
      <c r="H139" s="11">
        <v>47</v>
      </c>
      <c r="I139" s="11">
        <v>52</v>
      </c>
      <c r="J139" s="11">
        <v>41</v>
      </c>
      <c r="K139" s="11">
        <v>34</v>
      </c>
      <c r="L139" s="11">
        <v>32</v>
      </c>
      <c r="M139" s="11">
        <v>33</v>
      </c>
      <c r="N139" s="22">
        <v>31</v>
      </c>
      <c r="O139" s="22">
        <v>37</v>
      </c>
      <c r="P139" s="22">
        <v>34</v>
      </c>
      <c r="Q139" s="22">
        <v>30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69</v>
      </c>
      <c r="H140" s="11">
        <v>38</v>
      </c>
      <c r="I140" s="11">
        <v>48</v>
      </c>
      <c r="J140" s="11">
        <v>54</v>
      </c>
      <c r="K140" s="11">
        <v>55</v>
      </c>
      <c r="L140" s="11">
        <v>57</v>
      </c>
      <c r="M140" s="11">
        <v>56</v>
      </c>
      <c r="N140" s="22">
        <v>52</v>
      </c>
      <c r="O140" s="22">
        <v>39</v>
      </c>
      <c r="P140" s="22">
        <v>35</v>
      </c>
      <c r="Q140" s="22">
        <v>31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70</v>
      </c>
      <c r="H141" s="11">
        <v>69</v>
      </c>
      <c r="I141" s="11">
        <v>36</v>
      </c>
      <c r="J141" s="11">
        <v>36</v>
      </c>
      <c r="K141" s="11">
        <v>40</v>
      </c>
      <c r="L141" s="11">
        <v>40</v>
      </c>
      <c r="M141" s="11">
        <v>41</v>
      </c>
      <c r="N141" s="22">
        <v>45</v>
      </c>
      <c r="O141" s="22">
        <v>54</v>
      </c>
      <c r="P141" s="22">
        <v>54</v>
      </c>
      <c r="Q141" s="22">
        <v>56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51</v>
      </c>
      <c r="H142" s="11">
        <v>64</v>
      </c>
      <c r="I142" s="11">
        <v>71</v>
      </c>
      <c r="J142" s="11">
        <v>66</v>
      </c>
      <c r="K142" s="11">
        <v>52</v>
      </c>
      <c r="L142" s="11">
        <v>46</v>
      </c>
      <c r="M142" s="11">
        <v>38</v>
      </c>
      <c r="N142" s="22">
        <v>35</v>
      </c>
      <c r="O142" s="22">
        <v>35</v>
      </c>
      <c r="P142" s="22">
        <v>38</v>
      </c>
      <c r="Q142" s="22">
        <v>40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62</v>
      </c>
      <c r="H143" s="14">
        <v>47</v>
      </c>
      <c r="I143" s="14">
        <v>63</v>
      </c>
      <c r="J143" s="14">
        <v>70</v>
      </c>
      <c r="K143" s="14">
        <v>79</v>
      </c>
      <c r="L143" s="14">
        <v>78</v>
      </c>
      <c r="M143" s="14">
        <v>74</v>
      </c>
      <c r="N143" s="23">
        <v>68</v>
      </c>
      <c r="O143" s="23">
        <v>61</v>
      </c>
      <c r="P143" s="23">
        <v>50</v>
      </c>
      <c r="Q143" s="23">
        <v>44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53</v>
      </c>
      <c r="H144" s="14">
        <v>62</v>
      </c>
      <c r="I144" s="14">
        <v>44</v>
      </c>
      <c r="J144" s="14">
        <v>38</v>
      </c>
      <c r="K144" s="14">
        <v>36</v>
      </c>
      <c r="L144" s="14">
        <v>47</v>
      </c>
      <c r="M144" s="14">
        <v>53</v>
      </c>
      <c r="N144" s="23">
        <v>60</v>
      </c>
      <c r="O144" s="23">
        <v>66</v>
      </c>
      <c r="P144" s="23">
        <v>73</v>
      </c>
      <c r="Q144" s="23">
        <v>71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79</v>
      </c>
      <c r="H145" s="14">
        <v>50</v>
      </c>
      <c r="I145" s="14">
        <v>61</v>
      </c>
      <c r="J145" s="14">
        <v>52</v>
      </c>
      <c r="K145" s="14">
        <v>50</v>
      </c>
      <c r="L145" s="14">
        <v>45</v>
      </c>
      <c r="M145" s="14">
        <v>45</v>
      </c>
      <c r="N145" s="23">
        <v>42</v>
      </c>
      <c r="O145" s="23">
        <v>36</v>
      </c>
      <c r="P145" s="23">
        <v>34</v>
      </c>
      <c r="Q145" s="23">
        <v>44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50</v>
      </c>
      <c r="H146" s="14">
        <v>65</v>
      </c>
      <c r="I146" s="14">
        <v>47</v>
      </c>
      <c r="J146" s="14">
        <v>55</v>
      </c>
      <c r="K146" s="14">
        <v>63</v>
      </c>
      <c r="L146" s="14">
        <v>62</v>
      </c>
      <c r="M146" s="14">
        <v>60</v>
      </c>
      <c r="N146" s="23">
        <v>57</v>
      </c>
      <c r="O146" s="23">
        <v>44</v>
      </c>
      <c r="P146" s="23">
        <v>43</v>
      </c>
      <c r="Q146" s="23">
        <v>40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31</v>
      </c>
      <c r="H147" s="14">
        <v>35</v>
      </c>
      <c r="I147" s="14">
        <v>59</v>
      </c>
      <c r="J147" s="14">
        <v>48</v>
      </c>
      <c r="K147" s="14">
        <v>44</v>
      </c>
      <c r="L147" s="14">
        <v>42</v>
      </c>
      <c r="M147" s="14">
        <v>40</v>
      </c>
      <c r="N147" s="23">
        <v>39</v>
      </c>
      <c r="O147" s="23">
        <v>46</v>
      </c>
      <c r="P147" s="23">
        <v>50</v>
      </c>
      <c r="Q147" s="23">
        <v>49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2</v>
      </c>
      <c r="H148" s="14">
        <v>15</v>
      </c>
      <c r="I148" s="14">
        <v>20</v>
      </c>
      <c r="J148" s="14">
        <v>24</v>
      </c>
      <c r="K148" s="14">
        <v>27</v>
      </c>
      <c r="L148" s="14">
        <v>32</v>
      </c>
      <c r="M148" s="14">
        <v>38</v>
      </c>
      <c r="N148" s="23">
        <v>38</v>
      </c>
      <c r="O148" s="23">
        <v>31</v>
      </c>
      <c r="P148" s="23">
        <v>27</v>
      </c>
      <c r="Q148" s="23">
        <v>24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3</v>
      </c>
      <c r="H149" s="14">
        <v>1</v>
      </c>
      <c r="I149" s="14">
        <v>5</v>
      </c>
      <c r="J149" s="14">
        <v>3</v>
      </c>
      <c r="K149" s="14">
        <v>3</v>
      </c>
      <c r="L149" s="14">
        <v>7</v>
      </c>
      <c r="M149" s="14">
        <v>7</v>
      </c>
      <c r="N149" s="23">
        <v>10</v>
      </c>
      <c r="O149" s="23">
        <v>14</v>
      </c>
      <c r="P149" s="23">
        <v>13</v>
      </c>
      <c r="Q149" s="23">
        <v>11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1</v>
      </c>
      <c r="I150" s="14">
        <v>0</v>
      </c>
      <c r="J150" s="14">
        <v>3</v>
      </c>
      <c r="K150" s="14">
        <v>4</v>
      </c>
      <c r="L150" s="14">
        <v>3</v>
      </c>
      <c r="M150" s="14">
        <v>2</v>
      </c>
      <c r="N150" s="23">
        <v>1</v>
      </c>
      <c r="O150" s="23">
        <v>1</v>
      </c>
      <c r="P150" s="23">
        <v>0</v>
      </c>
      <c r="Q150" s="23">
        <v>0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862</v>
      </c>
      <c r="H151" s="17">
        <f t="shared" ref="H151:N151" si="18">SUM(H130:H150)</f>
        <v>784</v>
      </c>
      <c r="I151" s="17">
        <f t="shared" si="18"/>
        <v>782</v>
      </c>
      <c r="J151" s="17">
        <f t="shared" si="18"/>
        <v>762</v>
      </c>
      <c r="K151" s="17">
        <f t="shared" si="18"/>
        <v>751</v>
      </c>
      <c r="L151" s="17">
        <f t="shared" si="18"/>
        <v>742</v>
      </c>
      <c r="M151" s="17">
        <f t="shared" si="18"/>
        <v>719</v>
      </c>
      <c r="N151" s="17">
        <f t="shared" si="18"/>
        <v>695</v>
      </c>
      <c r="O151" s="17">
        <f>SUM(O130:O150)</f>
        <v>672</v>
      </c>
      <c r="P151" s="17">
        <f>SUM(P130:P150)</f>
        <v>651</v>
      </c>
      <c r="Q151" s="17">
        <f>SUM(Q130:Q150)</f>
        <v>636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89</v>
      </c>
      <c r="H156" s="8">
        <f t="shared" si="19"/>
        <v>73</v>
      </c>
      <c r="I156" s="8">
        <f t="shared" si="19"/>
        <v>82</v>
      </c>
      <c r="J156" s="8">
        <f t="shared" si="19"/>
        <v>82</v>
      </c>
      <c r="K156" s="8">
        <f t="shared" si="19"/>
        <v>80</v>
      </c>
      <c r="L156" s="8">
        <f t="shared" si="19"/>
        <v>82</v>
      </c>
      <c r="M156" s="8">
        <f t="shared" si="19"/>
        <v>72</v>
      </c>
      <c r="N156" s="8">
        <f t="shared" si="19"/>
        <v>69</v>
      </c>
      <c r="O156" s="8">
        <f t="shared" si="19"/>
        <v>70</v>
      </c>
      <c r="P156" s="8">
        <f t="shared" si="19"/>
        <v>68</v>
      </c>
      <c r="Q156" s="8">
        <v>65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483</v>
      </c>
      <c r="H157" s="11">
        <f t="shared" si="20"/>
        <v>435</v>
      </c>
      <c r="I157" s="11">
        <f t="shared" si="20"/>
        <v>401</v>
      </c>
      <c r="J157" s="11">
        <f t="shared" si="20"/>
        <v>387</v>
      </c>
      <c r="K157" s="11">
        <f t="shared" si="20"/>
        <v>365</v>
      </c>
      <c r="L157" s="11">
        <f t="shared" si="20"/>
        <v>344</v>
      </c>
      <c r="M157" s="11">
        <f t="shared" si="20"/>
        <v>328</v>
      </c>
      <c r="N157" s="11">
        <f t="shared" si="20"/>
        <v>311</v>
      </c>
      <c r="O157" s="11">
        <f t="shared" si="20"/>
        <v>303</v>
      </c>
      <c r="P157" s="11">
        <f t="shared" si="20"/>
        <v>293</v>
      </c>
      <c r="Q157" s="11">
        <v>288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290</v>
      </c>
      <c r="H158" s="14">
        <f t="shared" si="21"/>
        <v>276</v>
      </c>
      <c r="I158" s="14">
        <f t="shared" si="21"/>
        <v>299</v>
      </c>
      <c r="J158" s="14">
        <f t="shared" si="21"/>
        <v>293</v>
      </c>
      <c r="K158" s="14">
        <f t="shared" si="21"/>
        <v>306</v>
      </c>
      <c r="L158" s="14">
        <f t="shared" si="21"/>
        <v>316</v>
      </c>
      <c r="M158" s="14">
        <f t="shared" si="21"/>
        <v>319</v>
      </c>
      <c r="N158" s="14">
        <f t="shared" si="21"/>
        <v>315</v>
      </c>
      <c r="O158" s="14">
        <f t="shared" si="21"/>
        <v>299</v>
      </c>
      <c r="P158" s="14">
        <f t="shared" si="21"/>
        <v>290</v>
      </c>
      <c r="Q158" s="14">
        <v>283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862</v>
      </c>
      <c r="H159" s="17">
        <f t="shared" ref="H159:N159" si="22">SUM(H156:H158)</f>
        <v>784</v>
      </c>
      <c r="I159" s="17">
        <f t="shared" si="22"/>
        <v>782</v>
      </c>
      <c r="J159" s="17">
        <f t="shared" si="22"/>
        <v>762</v>
      </c>
      <c r="K159" s="17">
        <f t="shared" si="22"/>
        <v>751</v>
      </c>
      <c r="L159" s="17">
        <f t="shared" si="22"/>
        <v>742</v>
      </c>
      <c r="M159" s="17">
        <f t="shared" si="22"/>
        <v>719</v>
      </c>
      <c r="N159" s="17">
        <f t="shared" si="22"/>
        <v>695</v>
      </c>
      <c r="O159" s="17">
        <f>SUM(O156:O158)</f>
        <v>672</v>
      </c>
      <c r="P159" s="17">
        <f>SUM(P156:P158)</f>
        <v>651</v>
      </c>
      <c r="Q159" s="17">
        <f>SUM(Q156:Q158)</f>
        <v>636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0.3</v>
      </c>
      <c r="H164" s="49">
        <f t="shared" si="23"/>
        <v>9.3000000000000007</v>
      </c>
      <c r="I164" s="49">
        <f t="shared" si="23"/>
        <v>10.5</v>
      </c>
      <c r="J164" s="49">
        <f t="shared" si="23"/>
        <v>10.8</v>
      </c>
      <c r="K164" s="49">
        <f t="shared" si="23"/>
        <v>10.7</v>
      </c>
      <c r="L164" s="49">
        <f t="shared" si="23"/>
        <v>11.1</v>
      </c>
      <c r="M164" s="49">
        <f t="shared" si="23"/>
        <v>10</v>
      </c>
      <c r="N164" s="49">
        <f t="shared" si="23"/>
        <v>9.9</v>
      </c>
      <c r="O164" s="49">
        <f t="shared" si="23"/>
        <v>10.4</v>
      </c>
      <c r="P164" s="49">
        <f t="shared" si="23"/>
        <v>10.4</v>
      </c>
      <c r="Q164" s="49">
        <f t="shared" si="23"/>
        <v>10.199999999999999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56</v>
      </c>
      <c r="H165" s="50">
        <f t="shared" si="24"/>
        <v>55.5</v>
      </c>
      <c r="I165" s="50">
        <f t="shared" si="24"/>
        <v>51.3</v>
      </c>
      <c r="J165" s="50">
        <f t="shared" si="24"/>
        <v>50.8</v>
      </c>
      <c r="K165" s="50">
        <f t="shared" si="24"/>
        <v>48.6</v>
      </c>
      <c r="L165" s="50">
        <f t="shared" si="24"/>
        <v>46.4</v>
      </c>
      <c r="M165" s="50">
        <f t="shared" si="24"/>
        <v>45.6</v>
      </c>
      <c r="N165" s="50">
        <f t="shared" si="24"/>
        <v>44.7</v>
      </c>
      <c r="O165" s="50">
        <f t="shared" si="24"/>
        <v>45.1</v>
      </c>
      <c r="P165" s="50">
        <f t="shared" si="24"/>
        <v>45</v>
      </c>
      <c r="Q165" s="50">
        <f t="shared" si="24"/>
        <v>45.3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33.6</v>
      </c>
      <c r="H166" s="51">
        <f t="shared" si="25"/>
        <v>35.200000000000003</v>
      </c>
      <c r="I166" s="51">
        <f t="shared" si="25"/>
        <v>38.200000000000003</v>
      </c>
      <c r="J166" s="51">
        <f t="shared" si="25"/>
        <v>38.5</v>
      </c>
      <c r="K166" s="51">
        <f t="shared" si="25"/>
        <v>40.700000000000003</v>
      </c>
      <c r="L166" s="51">
        <f t="shared" si="25"/>
        <v>42.6</v>
      </c>
      <c r="M166" s="51">
        <f t="shared" si="25"/>
        <v>44.4</v>
      </c>
      <c r="N166" s="51">
        <f t="shared" si="25"/>
        <v>45.3</v>
      </c>
      <c r="O166" s="51">
        <f t="shared" si="25"/>
        <v>44.5</v>
      </c>
      <c r="P166" s="51">
        <f t="shared" si="25"/>
        <v>44.5</v>
      </c>
      <c r="Q166" s="51">
        <f t="shared" si="25"/>
        <v>44.5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208919-208D-4044-9158-51382CAD8249}">
  <sheetPr codeName="Sheet84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4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63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227</v>
      </c>
      <c r="H5" s="8">
        <f t="shared" si="0"/>
        <v>165</v>
      </c>
      <c r="I5" s="8">
        <f t="shared" si="0"/>
        <v>191</v>
      </c>
      <c r="J5" s="8">
        <f t="shared" si="0"/>
        <v>174</v>
      </c>
      <c r="K5" s="8">
        <f t="shared" si="0"/>
        <v>173</v>
      </c>
      <c r="L5" s="8">
        <f t="shared" si="0"/>
        <v>181</v>
      </c>
      <c r="M5" s="8">
        <f t="shared" si="0"/>
        <v>165</v>
      </c>
      <c r="N5" s="8">
        <f t="shared" si="0"/>
        <v>172</v>
      </c>
      <c r="O5" s="8">
        <f t="shared" si="0"/>
        <v>161</v>
      </c>
      <c r="P5" s="8">
        <f t="shared" si="0"/>
        <v>190</v>
      </c>
      <c r="Q5" s="8">
        <f t="shared" si="0"/>
        <v>189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318</v>
      </c>
      <c r="H6" s="8">
        <f t="shared" si="0"/>
        <v>247</v>
      </c>
      <c r="I6" s="8">
        <f t="shared" si="0"/>
        <v>192</v>
      </c>
      <c r="J6" s="8">
        <f t="shared" si="0"/>
        <v>217</v>
      </c>
      <c r="K6" s="8">
        <f t="shared" si="0"/>
        <v>209</v>
      </c>
      <c r="L6" s="8">
        <f t="shared" si="0"/>
        <v>210</v>
      </c>
      <c r="M6" s="8">
        <f t="shared" si="0"/>
        <v>206</v>
      </c>
      <c r="N6" s="8">
        <f t="shared" si="0"/>
        <v>208</v>
      </c>
      <c r="O6" s="8">
        <f t="shared" si="0"/>
        <v>190</v>
      </c>
      <c r="P6" s="8">
        <f t="shared" si="0"/>
        <v>198</v>
      </c>
      <c r="Q6" s="8">
        <f t="shared" si="0"/>
        <v>197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301</v>
      </c>
      <c r="H7" s="8">
        <f t="shared" si="0"/>
        <v>312</v>
      </c>
      <c r="I7" s="8">
        <f t="shared" si="0"/>
        <v>249</v>
      </c>
      <c r="J7" s="8">
        <f t="shared" si="0"/>
        <v>226</v>
      </c>
      <c r="K7" s="8">
        <f t="shared" si="0"/>
        <v>213</v>
      </c>
      <c r="L7" s="8">
        <f t="shared" si="0"/>
        <v>210</v>
      </c>
      <c r="M7" s="8">
        <f t="shared" si="0"/>
        <v>210</v>
      </c>
      <c r="N7" s="8">
        <f t="shared" si="0"/>
        <v>199</v>
      </c>
      <c r="O7" s="8">
        <f t="shared" si="0"/>
        <v>216</v>
      </c>
      <c r="P7" s="8">
        <f t="shared" si="0"/>
        <v>206</v>
      </c>
      <c r="Q7" s="8">
        <f t="shared" si="0"/>
        <v>213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272</v>
      </c>
      <c r="H8" s="11">
        <f t="shared" si="0"/>
        <v>287</v>
      </c>
      <c r="I8" s="11">
        <f t="shared" si="0"/>
        <v>298</v>
      </c>
      <c r="J8" s="11">
        <f t="shared" si="0"/>
        <v>290</v>
      </c>
      <c r="K8" s="11">
        <f t="shared" si="0"/>
        <v>278</v>
      </c>
      <c r="L8" s="11">
        <f t="shared" si="0"/>
        <v>259</v>
      </c>
      <c r="M8" s="11">
        <f t="shared" si="0"/>
        <v>260</v>
      </c>
      <c r="N8" s="11">
        <f t="shared" si="0"/>
        <v>234</v>
      </c>
      <c r="O8" s="11">
        <f t="shared" si="0"/>
        <v>223</v>
      </c>
      <c r="P8" s="11">
        <f t="shared" si="0"/>
        <v>210</v>
      </c>
      <c r="Q8" s="11">
        <f t="shared" si="0"/>
        <v>205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255</v>
      </c>
      <c r="H9" s="11">
        <f t="shared" si="0"/>
        <v>231</v>
      </c>
      <c r="I9" s="11">
        <f t="shared" si="0"/>
        <v>260</v>
      </c>
      <c r="J9" s="11">
        <f t="shared" si="0"/>
        <v>268</v>
      </c>
      <c r="K9" s="11">
        <f t="shared" si="0"/>
        <v>254</v>
      </c>
      <c r="L9" s="11">
        <f t="shared" si="0"/>
        <v>254</v>
      </c>
      <c r="M9" s="11">
        <f t="shared" si="0"/>
        <v>254</v>
      </c>
      <c r="N9" s="11">
        <f t="shared" si="0"/>
        <v>251</v>
      </c>
      <c r="O9" s="11">
        <f t="shared" si="0"/>
        <v>239</v>
      </c>
      <c r="P9" s="11">
        <f t="shared" si="0"/>
        <v>238</v>
      </c>
      <c r="Q9" s="11">
        <f t="shared" si="0"/>
        <v>225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276</v>
      </c>
      <c r="H10" s="11">
        <f t="shared" si="0"/>
        <v>207</v>
      </c>
      <c r="I10" s="11">
        <f t="shared" si="0"/>
        <v>202</v>
      </c>
      <c r="J10" s="11">
        <f t="shared" si="0"/>
        <v>209</v>
      </c>
      <c r="K10" s="11">
        <f t="shared" si="0"/>
        <v>224</v>
      </c>
      <c r="L10" s="11">
        <f t="shared" si="0"/>
        <v>225</v>
      </c>
      <c r="M10" s="11">
        <f t="shared" si="0"/>
        <v>209</v>
      </c>
      <c r="N10" s="11">
        <f t="shared" si="0"/>
        <v>208</v>
      </c>
      <c r="O10" s="11">
        <f t="shared" si="0"/>
        <v>196</v>
      </c>
      <c r="P10" s="11">
        <f t="shared" si="0"/>
        <v>199</v>
      </c>
      <c r="Q10" s="11">
        <f t="shared" si="0"/>
        <v>191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347</v>
      </c>
      <c r="H11" s="11">
        <f t="shared" si="0"/>
        <v>277</v>
      </c>
      <c r="I11" s="11">
        <f t="shared" si="0"/>
        <v>246</v>
      </c>
      <c r="J11" s="11">
        <f t="shared" si="0"/>
        <v>232</v>
      </c>
      <c r="K11" s="11">
        <f t="shared" si="0"/>
        <v>231</v>
      </c>
      <c r="L11" s="11">
        <f t="shared" si="0"/>
        <v>240</v>
      </c>
      <c r="M11" s="11">
        <f t="shared" si="0"/>
        <v>239</v>
      </c>
      <c r="N11" s="11">
        <f t="shared" si="0"/>
        <v>219</v>
      </c>
      <c r="O11" s="11">
        <f t="shared" si="0"/>
        <v>218</v>
      </c>
      <c r="P11" s="11">
        <f t="shared" si="0"/>
        <v>247</v>
      </c>
      <c r="Q11" s="11">
        <f t="shared" si="0"/>
        <v>247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372</v>
      </c>
      <c r="H12" s="11">
        <f t="shared" si="0"/>
        <v>354</v>
      </c>
      <c r="I12" s="11">
        <f t="shared" si="0"/>
        <v>300</v>
      </c>
      <c r="J12" s="11">
        <f t="shared" si="0"/>
        <v>288</v>
      </c>
      <c r="K12" s="11">
        <f t="shared" si="0"/>
        <v>265</v>
      </c>
      <c r="L12" s="11">
        <f t="shared" si="0"/>
        <v>245</v>
      </c>
      <c r="M12" s="11">
        <f t="shared" si="0"/>
        <v>252</v>
      </c>
      <c r="N12" s="11">
        <f t="shared" si="0"/>
        <v>269</v>
      </c>
      <c r="O12" s="11">
        <f t="shared" si="0"/>
        <v>254</v>
      </c>
      <c r="P12" s="11">
        <f t="shared" si="0"/>
        <v>254</v>
      </c>
      <c r="Q12" s="11">
        <f t="shared" si="0"/>
        <v>266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324</v>
      </c>
      <c r="H13" s="11">
        <f t="shared" si="0"/>
        <v>363</v>
      </c>
      <c r="I13" s="11">
        <f t="shared" si="0"/>
        <v>362</v>
      </c>
      <c r="J13" s="11">
        <f t="shared" si="0"/>
        <v>354</v>
      </c>
      <c r="K13" s="11">
        <f t="shared" si="0"/>
        <v>341</v>
      </c>
      <c r="L13" s="11">
        <f t="shared" si="0"/>
        <v>343</v>
      </c>
      <c r="M13" s="11">
        <f t="shared" si="0"/>
        <v>330</v>
      </c>
      <c r="N13" s="11">
        <f t="shared" si="0"/>
        <v>315</v>
      </c>
      <c r="O13" s="11">
        <f t="shared" si="0"/>
        <v>300</v>
      </c>
      <c r="P13" s="11">
        <f t="shared" si="0"/>
        <v>291</v>
      </c>
      <c r="Q13" s="11">
        <f t="shared" si="0"/>
        <v>279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323</v>
      </c>
      <c r="H14" s="11">
        <f t="shared" si="0"/>
        <v>328</v>
      </c>
      <c r="I14" s="11">
        <f t="shared" si="0"/>
        <v>367</v>
      </c>
      <c r="J14" s="11">
        <f t="shared" si="0"/>
        <v>383</v>
      </c>
      <c r="K14" s="11">
        <f t="shared" si="0"/>
        <v>370</v>
      </c>
      <c r="L14" s="11">
        <f t="shared" si="0"/>
        <v>374</v>
      </c>
      <c r="M14" s="11">
        <f t="shared" si="0"/>
        <v>351</v>
      </c>
      <c r="N14" s="11">
        <f t="shared" si="0"/>
        <v>363</v>
      </c>
      <c r="O14" s="11">
        <f t="shared" si="0"/>
        <v>359</v>
      </c>
      <c r="P14" s="11">
        <f t="shared" si="0"/>
        <v>346</v>
      </c>
      <c r="Q14" s="11">
        <f t="shared" si="0"/>
        <v>345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379</v>
      </c>
      <c r="H15" s="11">
        <f t="shared" si="0"/>
        <v>323</v>
      </c>
      <c r="I15" s="11">
        <f t="shared" si="0"/>
        <v>322</v>
      </c>
      <c r="J15" s="11">
        <f t="shared" si="0"/>
        <v>323</v>
      </c>
      <c r="K15" s="11">
        <f t="shared" si="0"/>
        <v>354</v>
      </c>
      <c r="L15" s="11">
        <f t="shared" si="0"/>
        <v>360</v>
      </c>
      <c r="M15" s="11">
        <f t="shared" si="0"/>
        <v>392</v>
      </c>
      <c r="N15" s="11">
        <f t="shared" si="0"/>
        <v>367</v>
      </c>
      <c r="O15" s="11">
        <f t="shared" si="0"/>
        <v>382</v>
      </c>
      <c r="P15" s="11">
        <f t="shared" si="0"/>
        <v>368</v>
      </c>
      <c r="Q15" s="11">
        <f t="shared" si="0"/>
        <v>377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379</v>
      </c>
      <c r="H16" s="11">
        <f t="shared" si="0"/>
        <v>376</v>
      </c>
      <c r="I16" s="11">
        <f t="shared" si="0"/>
        <v>317</v>
      </c>
      <c r="J16" s="11">
        <f t="shared" si="0"/>
        <v>313</v>
      </c>
      <c r="K16" s="11">
        <f t="shared" si="0"/>
        <v>313</v>
      </c>
      <c r="L16" s="11">
        <f t="shared" si="0"/>
        <v>314</v>
      </c>
      <c r="M16" s="11">
        <f t="shared" si="0"/>
        <v>310</v>
      </c>
      <c r="N16" s="11">
        <f t="shared" si="0"/>
        <v>320</v>
      </c>
      <c r="O16" s="11">
        <f t="shared" si="0"/>
        <v>318</v>
      </c>
      <c r="P16" s="11">
        <f t="shared" si="0"/>
        <v>352</v>
      </c>
      <c r="Q16" s="11">
        <f t="shared" si="0"/>
        <v>355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278</v>
      </c>
      <c r="H17" s="11">
        <f t="shared" si="0"/>
        <v>379</v>
      </c>
      <c r="I17" s="11">
        <f t="shared" si="0"/>
        <v>370</v>
      </c>
      <c r="J17" s="11">
        <f t="shared" si="0"/>
        <v>353</v>
      </c>
      <c r="K17" s="11">
        <f t="shared" si="0"/>
        <v>336</v>
      </c>
      <c r="L17" s="11">
        <f t="shared" si="0"/>
        <v>321</v>
      </c>
      <c r="M17" s="11">
        <f t="shared" si="0"/>
        <v>319</v>
      </c>
      <c r="N17" s="11">
        <f t="shared" si="0"/>
        <v>312</v>
      </c>
      <c r="O17" s="11">
        <f t="shared" si="0"/>
        <v>307</v>
      </c>
      <c r="P17" s="11">
        <f t="shared" si="0"/>
        <v>312</v>
      </c>
      <c r="Q17" s="11">
        <f t="shared" si="0"/>
        <v>317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297</v>
      </c>
      <c r="H18" s="14">
        <f t="shared" si="0"/>
        <v>268</v>
      </c>
      <c r="I18" s="14">
        <f t="shared" si="0"/>
        <v>372</v>
      </c>
      <c r="J18" s="14">
        <f t="shared" si="0"/>
        <v>394</v>
      </c>
      <c r="K18" s="14">
        <f t="shared" si="0"/>
        <v>375</v>
      </c>
      <c r="L18" s="14">
        <f t="shared" si="0"/>
        <v>363</v>
      </c>
      <c r="M18" s="14">
        <f t="shared" si="0"/>
        <v>349</v>
      </c>
      <c r="N18" s="14">
        <f t="shared" si="0"/>
        <v>358</v>
      </c>
      <c r="O18" s="14">
        <f t="shared" si="0"/>
        <v>339</v>
      </c>
      <c r="P18" s="14">
        <f t="shared" si="0"/>
        <v>326</v>
      </c>
      <c r="Q18" s="14">
        <f t="shared" si="0"/>
        <v>319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263</v>
      </c>
      <c r="H19" s="14">
        <f t="shared" si="0"/>
        <v>282</v>
      </c>
      <c r="I19" s="14">
        <f t="shared" si="0"/>
        <v>267</v>
      </c>
      <c r="J19" s="14">
        <f t="shared" si="0"/>
        <v>260</v>
      </c>
      <c r="K19" s="14">
        <f t="shared" si="0"/>
        <v>284</v>
      </c>
      <c r="L19" s="14">
        <f t="shared" si="0"/>
        <v>310</v>
      </c>
      <c r="M19" s="14">
        <f t="shared" si="0"/>
        <v>322</v>
      </c>
      <c r="N19" s="14">
        <f t="shared" si="0"/>
        <v>345</v>
      </c>
      <c r="O19" s="14">
        <f t="shared" si="0"/>
        <v>368</v>
      </c>
      <c r="P19" s="14">
        <f t="shared" si="0"/>
        <v>349</v>
      </c>
      <c r="Q19" s="14">
        <f t="shared" si="0"/>
        <v>339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214</v>
      </c>
      <c r="H20" s="14">
        <f t="shared" si="0"/>
        <v>249</v>
      </c>
      <c r="I20" s="14">
        <f t="shared" si="0"/>
        <v>268</v>
      </c>
      <c r="J20" s="14">
        <f t="shared" si="0"/>
        <v>264</v>
      </c>
      <c r="K20" s="14">
        <f t="shared" si="0"/>
        <v>271</v>
      </c>
      <c r="L20" s="14">
        <f t="shared" si="0"/>
        <v>247</v>
      </c>
      <c r="M20" s="14">
        <f t="shared" si="0"/>
        <v>263</v>
      </c>
      <c r="N20" s="14">
        <f t="shared" si="0"/>
        <v>254</v>
      </c>
      <c r="O20" s="14">
        <f t="shared" si="0"/>
        <v>254</v>
      </c>
      <c r="P20" s="14">
        <f t="shared" si="0"/>
        <v>265</v>
      </c>
      <c r="Q20" s="14">
        <f t="shared" si="0"/>
        <v>291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23</v>
      </c>
      <c r="H21" s="14">
        <f t="shared" si="1"/>
        <v>171</v>
      </c>
      <c r="I21" s="14">
        <f t="shared" si="1"/>
        <v>227</v>
      </c>
      <c r="J21" s="14">
        <f t="shared" si="1"/>
        <v>229</v>
      </c>
      <c r="K21" s="14">
        <f t="shared" si="1"/>
        <v>226</v>
      </c>
      <c r="L21" s="14">
        <f t="shared" si="1"/>
        <v>229</v>
      </c>
      <c r="M21" s="14">
        <f t="shared" si="1"/>
        <v>230</v>
      </c>
      <c r="N21" s="14">
        <f t="shared" si="1"/>
        <v>223</v>
      </c>
      <c r="O21" s="14">
        <f t="shared" si="1"/>
        <v>220</v>
      </c>
      <c r="P21" s="14">
        <f t="shared" si="1"/>
        <v>227</v>
      </c>
      <c r="Q21" s="14">
        <f t="shared" si="1"/>
        <v>22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82</v>
      </c>
      <c r="H22" s="14">
        <f t="shared" si="1"/>
        <v>94</v>
      </c>
      <c r="I22" s="14">
        <f t="shared" si="1"/>
        <v>135</v>
      </c>
      <c r="J22" s="14">
        <f t="shared" si="1"/>
        <v>147</v>
      </c>
      <c r="K22" s="14">
        <f t="shared" si="1"/>
        <v>165</v>
      </c>
      <c r="L22" s="14">
        <f t="shared" si="1"/>
        <v>165</v>
      </c>
      <c r="M22" s="14">
        <f t="shared" si="1"/>
        <v>168</v>
      </c>
      <c r="N22" s="14">
        <f t="shared" si="1"/>
        <v>170</v>
      </c>
      <c r="O22" s="14">
        <f t="shared" si="1"/>
        <v>186</v>
      </c>
      <c r="P22" s="14">
        <f t="shared" si="1"/>
        <v>179</v>
      </c>
      <c r="Q22" s="14">
        <f t="shared" si="1"/>
        <v>179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25</v>
      </c>
      <c r="H23" s="14">
        <f t="shared" si="1"/>
        <v>45</v>
      </c>
      <c r="I23" s="14">
        <f t="shared" si="1"/>
        <v>55</v>
      </c>
      <c r="J23" s="14">
        <f t="shared" si="1"/>
        <v>46</v>
      </c>
      <c r="K23" s="14">
        <f t="shared" si="1"/>
        <v>47</v>
      </c>
      <c r="L23" s="14">
        <f t="shared" si="1"/>
        <v>54</v>
      </c>
      <c r="M23" s="14">
        <f t="shared" si="1"/>
        <v>62</v>
      </c>
      <c r="N23" s="14">
        <f t="shared" si="1"/>
        <v>78</v>
      </c>
      <c r="O23" s="14">
        <f t="shared" si="1"/>
        <v>87</v>
      </c>
      <c r="P23" s="14">
        <f t="shared" si="1"/>
        <v>106</v>
      </c>
      <c r="Q23" s="14">
        <f t="shared" si="1"/>
        <v>107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3</v>
      </c>
      <c r="H24" s="14">
        <f t="shared" si="1"/>
        <v>9</v>
      </c>
      <c r="I24" s="14">
        <f t="shared" si="1"/>
        <v>15</v>
      </c>
      <c r="J24" s="14">
        <f t="shared" si="1"/>
        <v>24</v>
      </c>
      <c r="K24" s="14">
        <f t="shared" si="1"/>
        <v>21</v>
      </c>
      <c r="L24" s="14">
        <f t="shared" si="1"/>
        <v>23</v>
      </c>
      <c r="M24" s="14">
        <f t="shared" si="1"/>
        <v>25</v>
      </c>
      <c r="N24" s="14">
        <f t="shared" si="1"/>
        <v>24</v>
      </c>
      <c r="O24" s="14">
        <f t="shared" si="1"/>
        <v>18</v>
      </c>
      <c r="P24" s="14">
        <f t="shared" si="1"/>
        <v>16</v>
      </c>
      <c r="Q24" s="14">
        <f t="shared" si="1"/>
        <v>17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1</v>
      </c>
      <c r="H25" s="14">
        <f t="shared" si="1"/>
        <v>5</v>
      </c>
      <c r="I25" s="14">
        <f t="shared" si="1"/>
        <v>2</v>
      </c>
      <c r="J25" s="14">
        <f t="shared" si="1"/>
        <v>1</v>
      </c>
      <c r="K25" s="14">
        <f t="shared" si="1"/>
        <v>1</v>
      </c>
      <c r="L25" s="14">
        <f t="shared" si="1"/>
        <v>2</v>
      </c>
      <c r="M25" s="14">
        <f t="shared" si="1"/>
        <v>2</v>
      </c>
      <c r="N25" s="14">
        <f t="shared" si="1"/>
        <v>3</v>
      </c>
      <c r="O25" s="14">
        <f t="shared" si="1"/>
        <v>5</v>
      </c>
      <c r="P25" s="14">
        <f t="shared" si="1"/>
        <v>2</v>
      </c>
      <c r="Q25" s="14">
        <f t="shared" si="1"/>
        <v>2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5069</v>
      </c>
      <c r="H26" s="17">
        <f>SUM(H5:H25)</f>
        <v>4972</v>
      </c>
      <c r="I26" s="17">
        <f t="shared" ref="I26:N26" si="2">SUM(I5:I25)</f>
        <v>5017</v>
      </c>
      <c r="J26" s="17">
        <f t="shared" si="2"/>
        <v>4995</v>
      </c>
      <c r="K26" s="17">
        <f t="shared" si="2"/>
        <v>4951</v>
      </c>
      <c r="L26" s="17">
        <f t="shared" si="2"/>
        <v>4929</v>
      </c>
      <c r="M26" s="17">
        <f t="shared" si="2"/>
        <v>4918</v>
      </c>
      <c r="N26" s="17">
        <f t="shared" si="2"/>
        <v>4892</v>
      </c>
      <c r="O26" s="17">
        <f>SUM(O5:O25)</f>
        <v>4840</v>
      </c>
      <c r="P26" s="17">
        <f>SUM(P5:P25)</f>
        <v>4881</v>
      </c>
      <c r="Q26" s="17">
        <f>SUM(Q5:Q25)</f>
        <v>4880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846</v>
      </c>
      <c r="H31" s="21">
        <f t="shared" si="3"/>
        <v>724</v>
      </c>
      <c r="I31" s="21">
        <f t="shared" si="3"/>
        <v>632</v>
      </c>
      <c r="J31" s="21">
        <f t="shared" si="3"/>
        <v>617</v>
      </c>
      <c r="K31" s="21">
        <f t="shared" si="3"/>
        <v>595</v>
      </c>
      <c r="L31" s="21">
        <f t="shared" si="3"/>
        <v>601</v>
      </c>
      <c r="M31" s="21">
        <f t="shared" si="3"/>
        <v>581</v>
      </c>
      <c r="N31" s="21">
        <f t="shared" si="3"/>
        <v>579</v>
      </c>
      <c r="O31" s="21">
        <f t="shared" si="3"/>
        <v>567</v>
      </c>
      <c r="P31" s="21">
        <f t="shared" si="3"/>
        <v>594</v>
      </c>
      <c r="Q31" s="21">
        <f t="shared" si="3"/>
        <v>599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3205</v>
      </c>
      <c r="H32" s="22">
        <f t="shared" si="4"/>
        <v>3125</v>
      </c>
      <c r="I32" s="22">
        <f t="shared" si="4"/>
        <v>3044</v>
      </c>
      <c r="J32" s="22">
        <f t="shared" si="4"/>
        <v>3013</v>
      </c>
      <c r="K32" s="22">
        <f t="shared" si="4"/>
        <v>2966</v>
      </c>
      <c r="L32" s="22">
        <f t="shared" si="4"/>
        <v>2935</v>
      </c>
      <c r="M32" s="22">
        <f t="shared" si="4"/>
        <v>2916</v>
      </c>
      <c r="N32" s="22">
        <f t="shared" si="4"/>
        <v>2858</v>
      </c>
      <c r="O32" s="22">
        <f t="shared" si="4"/>
        <v>2796</v>
      </c>
      <c r="P32" s="22">
        <f t="shared" si="4"/>
        <v>2817</v>
      </c>
      <c r="Q32" s="22">
        <f t="shared" si="4"/>
        <v>2807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018</v>
      </c>
      <c r="H33" s="23">
        <f t="shared" si="5"/>
        <v>1123</v>
      </c>
      <c r="I33" s="23">
        <f t="shared" si="5"/>
        <v>1341</v>
      </c>
      <c r="J33" s="23">
        <f t="shared" si="5"/>
        <v>1365</v>
      </c>
      <c r="K33" s="23">
        <f t="shared" si="5"/>
        <v>1390</v>
      </c>
      <c r="L33" s="23">
        <f t="shared" si="5"/>
        <v>1393</v>
      </c>
      <c r="M33" s="23">
        <f t="shared" si="5"/>
        <v>1421</v>
      </c>
      <c r="N33" s="23">
        <f t="shared" si="5"/>
        <v>1455</v>
      </c>
      <c r="O33" s="23">
        <f t="shared" si="5"/>
        <v>1477</v>
      </c>
      <c r="P33" s="23">
        <f t="shared" si="5"/>
        <v>1470</v>
      </c>
      <c r="Q33" s="23">
        <f t="shared" si="5"/>
        <v>1474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5069</v>
      </c>
      <c r="H34" s="24">
        <f>SUM(H31:H33)</f>
        <v>4972</v>
      </c>
      <c r="I34" s="24">
        <f t="shared" ref="I34:N34" si="6">SUM(I31:I33)</f>
        <v>5017</v>
      </c>
      <c r="J34" s="24">
        <f t="shared" si="6"/>
        <v>4995</v>
      </c>
      <c r="K34" s="24">
        <f t="shared" si="6"/>
        <v>4951</v>
      </c>
      <c r="L34" s="24">
        <f t="shared" si="6"/>
        <v>4929</v>
      </c>
      <c r="M34" s="24">
        <f t="shared" si="6"/>
        <v>4918</v>
      </c>
      <c r="N34" s="24">
        <f t="shared" si="6"/>
        <v>4892</v>
      </c>
      <c r="O34" s="24">
        <f>SUM(O31:O33)</f>
        <v>4840</v>
      </c>
      <c r="P34" s="24">
        <f>SUM(P31:P33)</f>
        <v>4881</v>
      </c>
      <c r="Q34" s="24">
        <f>SUM(Q31:Q33)</f>
        <v>4880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6.7</v>
      </c>
      <c r="H39" s="33">
        <f t="shared" si="7"/>
        <v>14.6</v>
      </c>
      <c r="I39" s="33">
        <f t="shared" si="7"/>
        <v>12.6</v>
      </c>
      <c r="J39" s="33">
        <f t="shared" si="7"/>
        <v>12.4</v>
      </c>
      <c r="K39" s="33">
        <f t="shared" si="7"/>
        <v>12</v>
      </c>
      <c r="L39" s="33">
        <f t="shared" si="7"/>
        <v>12.2</v>
      </c>
      <c r="M39" s="33">
        <f t="shared" si="7"/>
        <v>11.8</v>
      </c>
      <c r="N39" s="33">
        <f t="shared" si="7"/>
        <v>11.8</v>
      </c>
      <c r="O39" s="33">
        <f t="shared" si="7"/>
        <v>11.7</v>
      </c>
      <c r="P39" s="33">
        <f t="shared" si="7"/>
        <v>12.2</v>
      </c>
      <c r="Q39" s="33">
        <f t="shared" si="7"/>
        <v>12.3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3.2</v>
      </c>
      <c r="H40" s="35">
        <f t="shared" si="8"/>
        <v>62.9</v>
      </c>
      <c r="I40" s="35">
        <f t="shared" si="8"/>
        <v>60.7</v>
      </c>
      <c r="J40" s="35">
        <f t="shared" si="8"/>
        <v>60.3</v>
      </c>
      <c r="K40" s="35">
        <f t="shared" si="8"/>
        <v>59.9</v>
      </c>
      <c r="L40" s="35">
        <f t="shared" si="8"/>
        <v>59.5</v>
      </c>
      <c r="M40" s="35">
        <f t="shared" si="8"/>
        <v>59.3</v>
      </c>
      <c r="N40" s="35">
        <f t="shared" si="8"/>
        <v>58.4</v>
      </c>
      <c r="O40" s="35">
        <f t="shared" si="8"/>
        <v>57.8</v>
      </c>
      <c r="P40" s="35">
        <f t="shared" si="8"/>
        <v>57.7</v>
      </c>
      <c r="Q40" s="35">
        <f t="shared" si="8"/>
        <v>57.5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0.100000000000001</v>
      </c>
      <c r="H41" s="37">
        <f t="shared" si="9"/>
        <v>22.6</v>
      </c>
      <c r="I41" s="37">
        <f t="shared" si="9"/>
        <v>26.7</v>
      </c>
      <c r="J41" s="37">
        <f t="shared" si="9"/>
        <v>27.3</v>
      </c>
      <c r="K41" s="37">
        <f t="shared" si="9"/>
        <v>28.1</v>
      </c>
      <c r="L41" s="37">
        <f t="shared" si="9"/>
        <v>28.3</v>
      </c>
      <c r="M41" s="37">
        <f t="shared" si="9"/>
        <v>28.9</v>
      </c>
      <c r="N41" s="37">
        <f t="shared" si="9"/>
        <v>29.7</v>
      </c>
      <c r="O41" s="37">
        <f t="shared" si="9"/>
        <v>30.5</v>
      </c>
      <c r="P41" s="37">
        <f t="shared" si="9"/>
        <v>30.1</v>
      </c>
      <c r="Q41" s="37">
        <f t="shared" si="9"/>
        <v>30.2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64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17</v>
      </c>
      <c r="H84" s="8">
        <v>86</v>
      </c>
      <c r="I84" s="8">
        <v>106</v>
      </c>
      <c r="J84" s="8">
        <v>104</v>
      </c>
      <c r="K84" s="8">
        <v>103</v>
      </c>
      <c r="L84" s="8">
        <v>105</v>
      </c>
      <c r="M84" s="8">
        <v>97</v>
      </c>
      <c r="N84" s="21">
        <v>97</v>
      </c>
      <c r="O84" s="21">
        <v>82</v>
      </c>
      <c r="P84" s="21">
        <v>86</v>
      </c>
      <c r="Q84" s="21">
        <v>82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168</v>
      </c>
      <c r="H85" s="8">
        <v>127</v>
      </c>
      <c r="I85" s="8">
        <v>106</v>
      </c>
      <c r="J85" s="8">
        <v>111</v>
      </c>
      <c r="K85" s="8">
        <v>114</v>
      </c>
      <c r="L85" s="8">
        <v>119</v>
      </c>
      <c r="M85" s="8">
        <v>107</v>
      </c>
      <c r="N85" s="21">
        <v>110</v>
      </c>
      <c r="O85" s="21">
        <v>111</v>
      </c>
      <c r="P85" s="21">
        <v>117</v>
      </c>
      <c r="Q85" s="21">
        <v>113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45</v>
      </c>
      <c r="H86" s="8">
        <v>165</v>
      </c>
      <c r="I86" s="8">
        <v>129</v>
      </c>
      <c r="J86" s="8">
        <v>113</v>
      </c>
      <c r="K86" s="8">
        <v>106</v>
      </c>
      <c r="L86" s="8">
        <v>99</v>
      </c>
      <c r="M86" s="8">
        <v>115</v>
      </c>
      <c r="N86" s="21">
        <v>109</v>
      </c>
      <c r="O86" s="21">
        <v>112</v>
      </c>
      <c r="P86" s="21">
        <v>109</v>
      </c>
      <c r="Q86" s="21">
        <v>118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41</v>
      </c>
      <c r="H87" s="11">
        <v>138</v>
      </c>
      <c r="I87" s="11">
        <v>154</v>
      </c>
      <c r="J87" s="11">
        <v>152</v>
      </c>
      <c r="K87" s="11">
        <v>149</v>
      </c>
      <c r="L87" s="11">
        <v>141</v>
      </c>
      <c r="M87" s="11">
        <v>138</v>
      </c>
      <c r="N87" s="22">
        <v>121</v>
      </c>
      <c r="O87" s="22">
        <v>113</v>
      </c>
      <c r="P87" s="22">
        <v>105</v>
      </c>
      <c r="Q87" s="22">
        <v>96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144</v>
      </c>
      <c r="H88" s="11">
        <v>116</v>
      </c>
      <c r="I88" s="11">
        <v>121</v>
      </c>
      <c r="J88" s="11">
        <v>133</v>
      </c>
      <c r="K88" s="11">
        <v>110</v>
      </c>
      <c r="L88" s="11">
        <v>115</v>
      </c>
      <c r="M88" s="11">
        <v>125</v>
      </c>
      <c r="N88" s="22">
        <v>133</v>
      </c>
      <c r="O88" s="22">
        <v>129</v>
      </c>
      <c r="P88" s="22">
        <v>126</v>
      </c>
      <c r="Q88" s="22">
        <v>120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47</v>
      </c>
      <c r="H89" s="11">
        <v>121</v>
      </c>
      <c r="I89" s="11">
        <v>97</v>
      </c>
      <c r="J89" s="11">
        <v>99</v>
      </c>
      <c r="K89" s="11">
        <v>118</v>
      </c>
      <c r="L89" s="11">
        <v>122</v>
      </c>
      <c r="M89" s="11">
        <v>103</v>
      </c>
      <c r="N89" s="22">
        <v>102</v>
      </c>
      <c r="O89" s="22">
        <v>101</v>
      </c>
      <c r="P89" s="22">
        <v>103</v>
      </c>
      <c r="Q89" s="22">
        <v>99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69</v>
      </c>
      <c r="H90" s="11">
        <v>144</v>
      </c>
      <c r="I90" s="11">
        <v>135</v>
      </c>
      <c r="J90" s="11">
        <v>127</v>
      </c>
      <c r="K90" s="11">
        <v>120</v>
      </c>
      <c r="L90" s="11">
        <v>113</v>
      </c>
      <c r="M90" s="11">
        <v>117</v>
      </c>
      <c r="N90" s="22">
        <v>101</v>
      </c>
      <c r="O90" s="22">
        <v>104</v>
      </c>
      <c r="P90" s="22">
        <v>124</v>
      </c>
      <c r="Q90" s="22">
        <v>133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190</v>
      </c>
      <c r="H91" s="11">
        <v>173</v>
      </c>
      <c r="I91" s="11">
        <v>162</v>
      </c>
      <c r="J91" s="11">
        <v>143</v>
      </c>
      <c r="K91" s="11">
        <v>138</v>
      </c>
      <c r="L91" s="11">
        <v>138</v>
      </c>
      <c r="M91" s="11">
        <v>137</v>
      </c>
      <c r="N91" s="22">
        <v>147</v>
      </c>
      <c r="O91" s="22">
        <v>138</v>
      </c>
      <c r="P91" s="22">
        <v>123</v>
      </c>
      <c r="Q91" s="22">
        <v>122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179</v>
      </c>
      <c r="H92" s="11">
        <v>181</v>
      </c>
      <c r="I92" s="11">
        <v>177</v>
      </c>
      <c r="J92" s="11">
        <v>183</v>
      </c>
      <c r="K92" s="11">
        <v>171</v>
      </c>
      <c r="L92" s="11">
        <v>168</v>
      </c>
      <c r="M92" s="11">
        <v>171</v>
      </c>
      <c r="N92" s="22">
        <v>167</v>
      </c>
      <c r="O92" s="22">
        <v>146</v>
      </c>
      <c r="P92" s="22">
        <v>152</v>
      </c>
      <c r="Q92" s="22">
        <v>151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58</v>
      </c>
      <c r="H93" s="11">
        <v>177</v>
      </c>
      <c r="I93" s="11">
        <v>182</v>
      </c>
      <c r="J93" s="11">
        <v>189</v>
      </c>
      <c r="K93" s="11">
        <v>186</v>
      </c>
      <c r="L93" s="11">
        <v>189</v>
      </c>
      <c r="M93" s="11">
        <v>179</v>
      </c>
      <c r="N93" s="22">
        <v>174</v>
      </c>
      <c r="O93" s="22">
        <v>187</v>
      </c>
      <c r="P93" s="22">
        <v>179</v>
      </c>
      <c r="Q93" s="22">
        <v>175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87</v>
      </c>
      <c r="H94" s="11">
        <v>156</v>
      </c>
      <c r="I94" s="11">
        <v>173</v>
      </c>
      <c r="J94" s="11">
        <v>166</v>
      </c>
      <c r="K94" s="11">
        <v>172</v>
      </c>
      <c r="L94" s="11">
        <v>178</v>
      </c>
      <c r="M94" s="11">
        <v>188</v>
      </c>
      <c r="N94" s="22">
        <v>180</v>
      </c>
      <c r="O94" s="22">
        <v>184</v>
      </c>
      <c r="P94" s="22">
        <v>182</v>
      </c>
      <c r="Q94" s="22">
        <v>189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204</v>
      </c>
      <c r="H95" s="11">
        <v>185</v>
      </c>
      <c r="I95" s="11">
        <v>147</v>
      </c>
      <c r="J95" s="11">
        <v>155</v>
      </c>
      <c r="K95" s="11">
        <v>162</v>
      </c>
      <c r="L95" s="11">
        <v>166</v>
      </c>
      <c r="M95" s="11">
        <v>162</v>
      </c>
      <c r="N95" s="22">
        <v>172</v>
      </c>
      <c r="O95" s="22">
        <v>163</v>
      </c>
      <c r="P95" s="22">
        <v>170</v>
      </c>
      <c r="Q95" s="22">
        <v>174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26</v>
      </c>
      <c r="H96" s="11">
        <v>201</v>
      </c>
      <c r="I96" s="11">
        <v>178</v>
      </c>
      <c r="J96" s="11">
        <v>169</v>
      </c>
      <c r="K96" s="11">
        <v>159</v>
      </c>
      <c r="L96" s="11">
        <v>147</v>
      </c>
      <c r="M96" s="11">
        <v>149</v>
      </c>
      <c r="N96" s="22">
        <v>142</v>
      </c>
      <c r="O96" s="22">
        <v>150</v>
      </c>
      <c r="P96" s="22">
        <v>160</v>
      </c>
      <c r="Q96" s="22">
        <v>167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48</v>
      </c>
      <c r="H97" s="14">
        <v>118</v>
      </c>
      <c r="I97" s="14">
        <v>194</v>
      </c>
      <c r="J97" s="14">
        <v>202</v>
      </c>
      <c r="K97" s="14">
        <v>190</v>
      </c>
      <c r="L97" s="14">
        <v>178</v>
      </c>
      <c r="M97" s="14">
        <v>167</v>
      </c>
      <c r="N97" s="23">
        <v>171</v>
      </c>
      <c r="O97" s="23">
        <v>160</v>
      </c>
      <c r="P97" s="23">
        <v>150</v>
      </c>
      <c r="Q97" s="23">
        <v>141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08</v>
      </c>
      <c r="H98" s="14">
        <v>139</v>
      </c>
      <c r="I98" s="14">
        <v>114</v>
      </c>
      <c r="J98" s="14">
        <v>113</v>
      </c>
      <c r="K98" s="14">
        <v>132</v>
      </c>
      <c r="L98" s="14">
        <v>152</v>
      </c>
      <c r="M98" s="14">
        <v>169</v>
      </c>
      <c r="N98" s="23">
        <v>174</v>
      </c>
      <c r="O98" s="23">
        <v>181</v>
      </c>
      <c r="P98" s="23">
        <v>169</v>
      </c>
      <c r="Q98" s="23">
        <v>159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91</v>
      </c>
      <c r="H99" s="14">
        <v>95</v>
      </c>
      <c r="I99" s="14">
        <v>132</v>
      </c>
      <c r="J99" s="14">
        <v>118</v>
      </c>
      <c r="K99" s="14">
        <v>120</v>
      </c>
      <c r="L99" s="14">
        <v>98</v>
      </c>
      <c r="M99" s="14">
        <v>100</v>
      </c>
      <c r="N99" s="23">
        <v>103</v>
      </c>
      <c r="O99" s="23">
        <v>104</v>
      </c>
      <c r="P99" s="23">
        <v>117</v>
      </c>
      <c r="Q99" s="23">
        <v>139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49</v>
      </c>
      <c r="H100" s="14">
        <v>68</v>
      </c>
      <c r="I100" s="14">
        <v>83</v>
      </c>
      <c r="J100" s="14">
        <v>95</v>
      </c>
      <c r="K100" s="14">
        <v>97</v>
      </c>
      <c r="L100" s="14">
        <v>102</v>
      </c>
      <c r="M100" s="14">
        <v>102</v>
      </c>
      <c r="N100" s="23">
        <v>103</v>
      </c>
      <c r="O100" s="23">
        <v>95</v>
      </c>
      <c r="P100" s="23">
        <v>94</v>
      </c>
      <c r="Q100" s="23">
        <v>79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25</v>
      </c>
      <c r="H101" s="14">
        <v>29</v>
      </c>
      <c r="I101" s="14">
        <v>53</v>
      </c>
      <c r="J101" s="14">
        <v>53</v>
      </c>
      <c r="K101" s="14">
        <v>59</v>
      </c>
      <c r="L101" s="14">
        <v>54</v>
      </c>
      <c r="M101" s="14">
        <v>59</v>
      </c>
      <c r="N101" s="23">
        <v>54</v>
      </c>
      <c r="O101" s="23">
        <v>67</v>
      </c>
      <c r="P101" s="23">
        <v>67</v>
      </c>
      <c r="Q101" s="23">
        <v>72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5</v>
      </c>
      <c r="H102" s="14">
        <v>11</v>
      </c>
      <c r="I102" s="14">
        <v>17</v>
      </c>
      <c r="J102" s="14">
        <v>18</v>
      </c>
      <c r="K102" s="14">
        <v>14</v>
      </c>
      <c r="L102" s="14">
        <v>19</v>
      </c>
      <c r="M102" s="14">
        <v>20</v>
      </c>
      <c r="N102" s="23">
        <v>25</v>
      </c>
      <c r="O102" s="23">
        <v>24</v>
      </c>
      <c r="P102" s="23">
        <v>24</v>
      </c>
      <c r="Q102" s="23">
        <v>24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1</v>
      </c>
      <c r="H103" s="14">
        <v>2</v>
      </c>
      <c r="I103" s="14">
        <v>2</v>
      </c>
      <c r="J103" s="14">
        <v>4</v>
      </c>
      <c r="K103" s="14">
        <v>4</v>
      </c>
      <c r="L103" s="14">
        <v>4</v>
      </c>
      <c r="M103" s="14">
        <v>5</v>
      </c>
      <c r="N103" s="23">
        <v>6</v>
      </c>
      <c r="O103" s="23">
        <v>6</v>
      </c>
      <c r="P103" s="23">
        <v>3</v>
      </c>
      <c r="Q103" s="23">
        <v>4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1</v>
      </c>
      <c r="Q104" s="23">
        <v>1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2502</v>
      </c>
      <c r="H105" s="17">
        <f t="shared" ref="H105:N105" si="10">SUM(H84:H104)</f>
        <v>2432</v>
      </c>
      <c r="I105" s="17">
        <f t="shared" si="10"/>
        <v>2462</v>
      </c>
      <c r="J105" s="17">
        <f t="shared" si="10"/>
        <v>2447</v>
      </c>
      <c r="K105" s="17">
        <f t="shared" si="10"/>
        <v>2424</v>
      </c>
      <c r="L105" s="17">
        <f t="shared" si="10"/>
        <v>2407</v>
      </c>
      <c r="M105" s="17">
        <f t="shared" si="10"/>
        <v>2410</v>
      </c>
      <c r="N105" s="17">
        <f t="shared" si="10"/>
        <v>2391</v>
      </c>
      <c r="O105" s="17">
        <f>SUM(O84:O104)</f>
        <v>2357</v>
      </c>
      <c r="P105" s="17">
        <f>SUM(P84:P104)</f>
        <v>2361</v>
      </c>
      <c r="Q105" s="17">
        <f>SUM(Q84:Q104)</f>
        <v>2358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430</v>
      </c>
      <c r="H110" s="8">
        <f t="shared" si="11"/>
        <v>378</v>
      </c>
      <c r="I110" s="8">
        <f t="shared" si="11"/>
        <v>341</v>
      </c>
      <c r="J110" s="8">
        <f t="shared" si="11"/>
        <v>328</v>
      </c>
      <c r="K110" s="8">
        <f t="shared" si="11"/>
        <v>323</v>
      </c>
      <c r="L110" s="8">
        <f t="shared" si="11"/>
        <v>323</v>
      </c>
      <c r="M110" s="8">
        <f t="shared" si="11"/>
        <v>319</v>
      </c>
      <c r="N110" s="8">
        <f t="shared" si="11"/>
        <v>316</v>
      </c>
      <c r="O110" s="8">
        <f t="shared" si="11"/>
        <v>305</v>
      </c>
      <c r="P110" s="8">
        <f t="shared" si="11"/>
        <v>312</v>
      </c>
      <c r="Q110" s="8">
        <v>313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645</v>
      </c>
      <c r="H111" s="11">
        <f t="shared" si="12"/>
        <v>1592</v>
      </c>
      <c r="I111" s="11">
        <f t="shared" si="12"/>
        <v>1526</v>
      </c>
      <c r="J111" s="11">
        <f t="shared" si="12"/>
        <v>1516</v>
      </c>
      <c r="K111" s="11">
        <f t="shared" si="12"/>
        <v>1485</v>
      </c>
      <c r="L111" s="11">
        <f t="shared" si="12"/>
        <v>1477</v>
      </c>
      <c r="M111" s="11">
        <f t="shared" si="12"/>
        <v>1469</v>
      </c>
      <c r="N111" s="11">
        <f t="shared" si="12"/>
        <v>1439</v>
      </c>
      <c r="O111" s="11">
        <f t="shared" si="12"/>
        <v>1415</v>
      </c>
      <c r="P111" s="11">
        <f t="shared" si="12"/>
        <v>1424</v>
      </c>
      <c r="Q111" s="11">
        <v>1426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427</v>
      </c>
      <c r="H112" s="14">
        <f t="shared" si="13"/>
        <v>462</v>
      </c>
      <c r="I112" s="14">
        <f t="shared" si="13"/>
        <v>595</v>
      </c>
      <c r="J112" s="14">
        <f t="shared" si="13"/>
        <v>603</v>
      </c>
      <c r="K112" s="14">
        <f t="shared" si="13"/>
        <v>616</v>
      </c>
      <c r="L112" s="14">
        <f t="shared" si="13"/>
        <v>607</v>
      </c>
      <c r="M112" s="14">
        <f t="shared" si="13"/>
        <v>622</v>
      </c>
      <c r="N112" s="14">
        <f t="shared" si="13"/>
        <v>636</v>
      </c>
      <c r="O112" s="14">
        <f t="shared" si="13"/>
        <v>637</v>
      </c>
      <c r="P112" s="14">
        <f t="shared" si="13"/>
        <v>625</v>
      </c>
      <c r="Q112" s="14">
        <v>619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2502</v>
      </c>
      <c r="H113" s="17">
        <f t="shared" ref="H113:N113" si="14">SUM(H110:H112)</f>
        <v>2432</v>
      </c>
      <c r="I113" s="17">
        <f t="shared" si="14"/>
        <v>2462</v>
      </c>
      <c r="J113" s="17">
        <f t="shared" si="14"/>
        <v>2447</v>
      </c>
      <c r="K113" s="17">
        <f t="shared" si="14"/>
        <v>2424</v>
      </c>
      <c r="L113" s="17">
        <f t="shared" si="14"/>
        <v>2407</v>
      </c>
      <c r="M113" s="17">
        <f t="shared" si="14"/>
        <v>2410</v>
      </c>
      <c r="N113" s="17">
        <f t="shared" si="14"/>
        <v>2391</v>
      </c>
      <c r="O113" s="17">
        <f>SUM(O110:O112)</f>
        <v>2357</v>
      </c>
      <c r="P113" s="17">
        <f>SUM(P110:P112)</f>
        <v>2361</v>
      </c>
      <c r="Q113" s="17">
        <f>SUM(Q110:Q112)</f>
        <v>2358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7.2</v>
      </c>
      <c r="H118" s="49">
        <f t="shared" si="15"/>
        <v>15.5</v>
      </c>
      <c r="I118" s="49">
        <f t="shared" si="15"/>
        <v>13.9</v>
      </c>
      <c r="J118" s="49">
        <f t="shared" si="15"/>
        <v>13.4</v>
      </c>
      <c r="K118" s="49">
        <f t="shared" si="15"/>
        <v>13.3</v>
      </c>
      <c r="L118" s="49">
        <f t="shared" si="15"/>
        <v>13.4</v>
      </c>
      <c r="M118" s="49">
        <f t="shared" si="15"/>
        <v>13.2</v>
      </c>
      <c r="N118" s="49">
        <f t="shared" si="15"/>
        <v>13.2</v>
      </c>
      <c r="O118" s="49">
        <f t="shared" si="15"/>
        <v>12.9</v>
      </c>
      <c r="P118" s="49">
        <f t="shared" si="15"/>
        <v>13.2</v>
      </c>
      <c r="Q118" s="49">
        <f t="shared" si="15"/>
        <v>13.3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5.7</v>
      </c>
      <c r="H119" s="50">
        <f t="shared" si="16"/>
        <v>65.5</v>
      </c>
      <c r="I119" s="50">
        <f t="shared" si="16"/>
        <v>62</v>
      </c>
      <c r="J119" s="50">
        <f t="shared" si="16"/>
        <v>62</v>
      </c>
      <c r="K119" s="50">
        <f t="shared" si="16"/>
        <v>61.3</v>
      </c>
      <c r="L119" s="50">
        <f t="shared" si="16"/>
        <v>61.4</v>
      </c>
      <c r="M119" s="50">
        <f t="shared" si="16"/>
        <v>61</v>
      </c>
      <c r="N119" s="50">
        <f t="shared" si="16"/>
        <v>60.2</v>
      </c>
      <c r="O119" s="50">
        <f t="shared" si="16"/>
        <v>60</v>
      </c>
      <c r="P119" s="50">
        <f t="shared" si="16"/>
        <v>60.3</v>
      </c>
      <c r="Q119" s="50">
        <f t="shared" si="16"/>
        <v>60.5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7.100000000000001</v>
      </c>
      <c r="H120" s="51">
        <f t="shared" si="17"/>
        <v>19</v>
      </c>
      <c r="I120" s="51">
        <f t="shared" si="17"/>
        <v>24.2</v>
      </c>
      <c r="J120" s="51">
        <f t="shared" si="17"/>
        <v>24.6</v>
      </c>
      <c r="K120" s="51">
        <f t="shared" si="17"/>
        <v>25.4</v>
      </c>
      <c r="L120" s="51">
        <f t="shared" si="17"/>
        <v>25.2</v>
      </c>
      <c r="M120" s="51">
        <f t="shared" si="17"/>
        <v>25.8</v>
      </c>
      <c r="N120" s="51">
        <f t="shared" si="17"/>
        <v>26.6</v>
      </c>
      <c r="O120" s="51">
        <f t="shared" si="17"/>
        <v>27</v>
      </c>
      <c r="P120" s="51">
        <f t="shared" si="17"/>
        <v>26.5</v>
      </c>
      <c r="Q120" s="51">
        <f t="shared" si="17"/>
        <v>26.3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65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10</v>
      </c>
      <c r="H130" s="8">
        <v>79</v>
      </c>
      <c r="I130" s="8">
        <v>85</v>
      </c>
      <c r="J130" s="8">
        <v>70</v>
      </c>
      <c r="K130" s="8">
        <v>70</v>
      </c>
      <c r="L130" s="8">
        <v>76</v>
      </c>
      <c r="M130" s="8">
        <v>68</v>
      </c>
      <c r="N130" s="21">
        <v>75</v>
      </c>
      <c r="O130" s="21">
        <v>79</v>
      </c>
      <c r="P130" s="21">
        <v>104</v>
      </c>
      <c r="Q130" s="21">
        <v>107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50</v>
      </c>
      <c r="H131" s="8">
        <v>120</v>
      </c>
      <c r="I131" s="8">
        <v>86</v>
      </c>
      <c r="J131" s="8">
        <v>106</v>
      </c>
      <c r="K131" s="8">
        <v>95</v>
      </c>
      <c r="L131" s="8">
        <v>91</v>
      </c>
      <c r="M131" s="8">
        <v>99</v>
      </c>
      <c r="N131" s="21">
        <v>98</v>
      </c>
      <c r="O131" s="21">
        <v>79</v>
      </c>
      <c r="P131" s="21">
        <v>81</v>
      </c>
      <c r="Q131" s="21">
        <v>84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56</v>
      </c>
      <c r="H132" s="8">
        <v>147</v>
      </c>
      <c r="I132" s="8">
        <v>120</v>
      </c>
      <c r="J132" s="8">
        <v>113</v>
      </c>
      <c r="K132" s="8">
        <v>107</v>
      </c>
      <c r="L132" s="8">
        <v>111</v>
      </c>
      <c r="M132" s="8">
        <v>95</v>
      </c>
      <c r="N132" s="21">
        <v>90</v>
      </c>
      <c r="O132" s="21">
        <v>104</v>
      </c>
      <c r="P132" s="21">
        <v>97</v>
      </c>
      <c r="Q132" s="21">
        <v>95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31</v>
      </c>
      <c r="H133" s="11">
        <v>149</v>
      </c>
      <c r="I133" s="11">
        <v>144</v>
      </c>
      <c r="J133" s="11">
        <v>138</v>
      </c>
      <c r="K133" s="11">
        <v>129</v>
      </c>
      <c r="L133" s="11">
        <v>118</v>
      </c>
      <c r="M133" s="11">
        <v>122</v>
      </c>
      <c r="N133" s="22">
        <v>113</v>
      </c>
      <c r="O133" s="22">
        <v>110</v>
      </c>
      <c r="P133" s="22">
        <v>105</v>
      </c>
      <c r="Q133" s="22">
        <v>109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11</v>
      </c>
      <c r="H134" s="11">
        <v>115</v>
      </c>
      <c r="I134" s="11">
        <v>139</v>
      </c>
      <c r="J134" s="11">
        <v>135</v>
      </c>
      <c r="K134" s="11">
        <v>144</v>
      </c>
      <c r="L134" s="11">
        <v>139</v>
      </c>
      <c r="M134" s="11">
        <v>129</v>
      </c>
      <c r="N134" s="22">
        <v>118</v>
      </c>
      <c r="O134" s="22">
        <v>110</v>
      </c>
      <c r="P134" s="22">
        <v>112</v>
      </c>
      <c r="Q134" s="22">
        <v>105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29</v>
      </c>
      <c r="H135" s="11">
        <v>86</v>
      </c>
      <c r="I135" s="11">
        <v>105</v>
      </c>
      <c r="J135" s="11">
        <v>110</v>
      </c>
      <c r="K135" s="11">
        <v>106</v>
      </c>
      <c r="L135" s="11">
        <v>103</v>
      </c>
      <c r="M135" s="11">
        <v>106</v>
      </c>
      <c r="N135" s="22">
        <v>106</v>
      </c>
      <c r="O135" s="22">
        <v>95</v>
      </c>
      <c r="P135" s="22">
        <v>96</v>
      </c>
      <c r="Q135" s="22">
        <v>92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78</v>
      </c>
      <c r="H136" s="11">
        <v>133</v>
      </c>
      <c r="I136" s="11">
        <v>111</v>
      </c>
      <c r="J136" s="11">
        <v>105</v>
      </c>
      <c r="K136" s="11">
        <v>111</v>
      </c>
      <c r="L136" s="11">
        <v>127</v>
      </c>
      <c r="M136" s="11">
        <v>122</v>
      </c>
      <c r="N136" s="22">
        <v>118</v>
      </c>
      <c r="O136" s="22">
        <v>114</v>
      </c>
      <c r="P136" s="22">
        <v>123</v>
      </c>
      <c r="Q136" s="22">
        <v>114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182</v>
      </c>
      <c r="H137" s="11">
        <v>181</v>
      </c>
      <c r="I137" s="11">
        <v>138</v>
      </c>
      <c r="J137" s="11">
        <v>145</v>
      </c>
      <c r="K137" s="11">
        <v>127</v>
      </c>
      <c r="L137" s="11">
        <v>107</v>
      </c>
      <c r="M137" s="11">
        <v>115</v>
      </c>
      <c r="N137" s="22">
        <v>122</v>
      </c>
      <c r="O137" s="22">
        <v>116</v>
      </c>
      <c r="P137" s="22">
        <v>131</v>
      </c>
      <c r="Q137" s="22">
        <v>144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145</v>
      </c>
      <c r="H138" s="11">
        <v>182</v>
      </c>
      <c r="I138" s="11">
        <v>185</v>
      </c>
      <c r="J138" s="11">
        <v>171</v>
      </c>
      <c r="K138" s="11">
        <v>170</v>
      </c>
      <c r="L138" s="11">
        <v>175</v>
      </c>
      <c r="M138" s="11">
        <v>159</v>
      </c>
      <c r="N138" s="22">
        <v>148</v>
      </c>
      <c r="O138" s="22">
        <v>154</v>
      </c>
      <c r="P138" s="22">
        <v>139</v>
      </c>
      <c r="Q138" s="22">
        <v>128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165</v>
      </c>
      <c r="H139" s="11">
        <v>151</v>
      </c>
      <c r="I139" s="11">
        <v>185</v>
      </c>
      <c r="J139" s="11">
        <v>194</v>
      </c>
      <c r="K139" s="11">
        <v>184</v>
      </c>
      <c r="L139" s="11">
        <v>185</v>
      </c>
      <c r="M139" s="11">
        <v>172</v>
      </c>
      <c r="N139" s="22">
        <v>189</v>
      </c>
      <c r="O139" s="22">
        <v>172</v>
      </c>
      <c r="P139" s="22">
        <v>167</v>
      </c>
      <c r="Q139" s="22">
        <v>170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92</v>
      </c>
      <c r="H140" s="11">
        <v>167</v>
      </c>
      <c r="I140" s="11">
        <v>149</v>
      </c>
      <c r="J140" s="11">
        <v>157</v>
      </c>
      <c r="K140" s="11">
        <v>182</v>
      </c>
      <c r="L140" s="11">
        <v>182</v>
      </c>
      <c r="M140" s="11">
        <v>204</v>
      </c>
      <c r="N140" s="22">
        <v>187</v>
      </c>
      <c r="O140" s="22">
        <v>198</v>
      </c>
      <c r="P140" s="22">
        <v>186</v>
      </c>
      <c r="Q140" s="22">
        <v>188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75</v>
      </c>
      <c r="H141" s="11">
        <v>191</v>
      </c>
      <c r="I141" s="11">
        <v>170</v>
      </c>
      <c r="J141" s="11">
        <v>158</v>
      </c>
      <c r="K141" s="11">
        <v>151</v>
      </c>
      <c r="L141" s="11">
        <v>148</v>
      </c>
      <c r="M141" s="11">
        <v>148</v>
      </c>
      <c r="N141" s="22">
        <v>148</v>
      </c>
      <c r="O141" s="22">
        <v>155</v>
      </c>
      <c r="P141" s="22">
        <v>182</v>
      </c>
      <c r="Q141" s="22">
        <v>181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52</v>
      </c>
      <c r="H142" s="11">
        <v>178</v>
      </c>
      <c r="I142" s="11">
        <v>192</v>
      </c>
      <c r="J142" s="11">
        <v>184</v>
      </c>
      <c r="K142" s="11">
        <v>177</v>
      </c>
      <c r="L142" s="11">
        <v>174</v>
      </c>
      <c r="M142" s="11">
        <v>170</v>
      </c>
      <c r="N142" s="22">
        <v>170</v>
      </c>
      <c r="O142" s="22">
        <v>157</v>
      </c>
      <c r="P142" s="22">
        <v>152</v>
      </c>
      <c r="Q142" s="22">
        <v>150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49</v>
      </c>
      <c r="H143" s="14">
        <v>150</v>
      </c>
      <c r="I143" s="14">
        <v>178</v>
      </c>
      <c r="J143" s="14">
        <v>192</v>
      </c>
      <c r="K143" s="14">
        <v>185</v>
      </c>
      <c r="L143" s="14">
        <v>185</v>
      </c>
      <c r="M143" s="14">
        <v>182</v>
      </c>
      <c r="N143" s="23">
        <v>187</v>
      </c>
      <c r="O143" s="23">
        <v>179</v>
      </c>
      <c r="P143" s="23">
        <v>176</v>
      </c>
      <c r="Q143" s="23">
        <v>178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55</v>
      </c>
      <c r="H144" s="14">
        <v>143</v>
      </c>
      <c r="I144" s="14">
        <v>153</v>
      </c>
      <c r="J144" s="14">
        <v>147</v>
      </c>
      <c r="K144" s="14">
        <v>152</v>
      </c>
      <c r="L144" s="14">
        <v>158</v>
      </c>
      <c r="M144" s="14">
        <v>153</v>
      </c>
      <c r="N144" s="23">
        <v>171</v>
      </c>
      <c r="O144" s="23">
        <v>187</v>
      </c>
      <c r="P144" s="23">
        <v>180</v>
      </c>
      <c r="Q144" s="23">
        <v>180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123</v>
      </c>
      <c r="H145" s="14">
        <v>154</v>
      </c>
      <c r="I145" s="14">
        <v>136</v>
      </c>
      <c r="J145" s="14">
        <v>146</v>
      </c>
      <c r="K145" s="14">
        <v>151</v>
      </c>
      <c r="L145" s="14">
        <v>149</v>
      </c>
      <c r="M145" s="14">
        <v>163</v>
      </c>
      <c r="N145" s="23">
        <v>151</v>
      </c>
      <c r="O145" s="23">
        <v>150</v>
      </c>
      <c r="P145" s="23">
        <v>148</v>
      </c>
      <c r="Q145" s="23">
        <v>152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74</v>
      </c>
      <c r="H146" s="14">
        <v>103</v>
      </c>
      <c r="I146" s="14">
        <v>144</v>
      </c>
      <c r="J146" s="14">
        <v>134</v>
      </c>
      <c r="K146" s="14">
        <v>129</v>
      </c>
      <c r="L146" s="14">
        <v>127</v>
      </c>
      <c r="M146" s="14">
        <v>128</v>
      </c>
      <c r="N146" s="23">
        <v>120</v>
      </c>
      <c r="O146" s="23">
        <v>125</v>
      </c>
      <c r="P146" s="23">
        <v>133</v>
      </c>
      <c r="Q146" s="23">
        <v>141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57</v>
      </c>
      <c r="H147" s="14">
        <v>65</v>
      </c>
      <c r="I147" s="14">
        <v>82</v>
      </c>
      <c r="J147" s="14">
        <v>94</v>
      </c>
      <c r="K147" s="14">
        <v>106</v>
      </c>
      <c r="L147" s="14">
        <v>111</v>
      </c>
      <c r="M147" s="14">
        <v>109</v>
      </c>
      <c r="N147" s="23">
        <v>116</v>
      </c>
      <c r="O147" s="23">
        <v>119</v>
      </c>
      <c r="P147" s="23">
        <v>112</v>
      </c>
      <c r="Q147" s="23">
        <v>107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20</v>
      </c>
      <c r="H148" s="14">
        <v>34</v>
      </c>
      <c r="I148" s="14">
        <v>38</v>
      </c>
      <c r="J148" s="14">
        <v>28</v>
      </c>
      <c r="K148" s="14">
        <v>33</v>
      </c>
      <c r="L148" s="14">
        <v>35</v>
      </c>
      <c r="M148" s="14">
        <v>42</v>
      </c>
      <c r="N148" s="23">
        <v>53</v>
      </c>
      <c r="O148" s="23">
        <v>63</v>
      </c>
      <c r="P148" s="23">
        <v>82</v>
      </c>
      <c r="Q148" s="23">
        <v>83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2</v>
      </c>
      <c r="H149" s="14">
        <v>7</v>
      </c>
      <c r="I149" s="14">
        <v>13</v>
      </c>
      <c r="J149" s="14">
        <v>20</v>
      </c>
      <c r="K149" s="14">
        <v>17</v>
      </c>
      <c r="L149" s="14">
        <v>19</v>
      </c>
      <c r="M149" s="14">
        <v>20</v>
      </c>
      <c r="N149" s="23">
        <v>18</v>
      </c>
      <c r="O149" s="23">
        <v>12</v>
      </c>
      <c r="P149" s="23">
        <v>13</v>
      </c>
      <c r="Q149" s="23">
        <v>13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1</v>
      </c>
      <c r="H150" s="14">
        <v>5</v>
      </c>
      <c r="I150" s="14">
        <v>2</v>
      </c>
      <c r="J150" s="14">
        <v>1</v>
      </c>
      <c r="K150" s="14">
        <v>1</v>
      </c>
      <c r="L150" s="14">
        <v>2</v>
      </c>
      <c r="M150" s="14">
        <v>2</v>
      </c>
      <c r="N150" s="23">
        <v>3</v>
      </c>
      <c r="O150" s="23">
        <v>5</v>
      </c>
      <c r="P150" s="23">
        <v>1</v>
      </c>
      <c r="Q150" s="23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2567</v>
      </c>
      <c r="H151" s="17">
        <f t="shared" ref="H151:N151" si="18">SUM(H130:H150)</f>
        <v>2540</v>
      </c>
      <c r="I151" s="17">
        <f t="shared" si="18"/>
        <v>2555</v>
      </c>
      <c r="J151" s="17">
        <f t="shared" si="18"/>
        <v>2548</v>
      </c>
      <c r="K151" s="17">
        <f t="shared" si="18"/>
        <v>2527</v>
      </c>
      <c r="L151" s="17">
        <f t="shared" si="18"/>
        <v>2522</v>
      </c>
      <c r="M151" s="17">
        <f t="shared" si="18"/>
        <v>2508</v>
      </c>
      <c r="N151" s="17">
        <f t="shared" si="18"/>
        <v>2501</v>
      </c>
      <c r="O151" s="17">
        <f>SUM(O130:O150)</f>
        <v>2483</v>
      </c>
      <c r="P151" s="17">
        <f>SUM(P130:P150)</f>
        <v>2520</v>
      </c>
      <c r="Q151" s="17">
        <f>SUM(Q130:Q150)</f>
        <v>2522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416</v>
      </c>
      <c r="H156" s="8">
        <f t="shared" si="19"/>
        <v>346</v>
      </c>
      <c r="I156" s="8">
        <f t="shared" si="19"/>
        <v>291</v>
      </c>
      <c r="J156" s="8">
        <f t="shared" si="19"/>
        <v>289</v>
      </c>
      <c r="K156" s="8">
        <f t="shared" si="19"/>
        <v>272</v>
      </c>
      <c r="L156" s="8">
        <f t="shared" si="19"/>
        <v>278</v>
      </c>
      <c r="M156" s="8">
        <f t="shared" si="19"/>
        <v>262</v>
      </c>
      <c r="N156" s="8">
        <f t="shared" si="19"/>
        <v>263</v>
      </c>
      <c r="O156" s="8">
        <f t="shared" si="19"/>
        <v>262</v>
      </c>
      <c r="P156" s="8">
        <f t="shared" si="19"/>
        <v>282</v>
      </c>
      <c r="Q156" s="8">
        <v>28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560</v>
      </c>
      <c r="H157" s="11">
        <f t="shared" si="20"/>
        <v>1533</v>
      </c>
      <c r="I157" s="11">
        <f t="shared" si="20"/>
        <v>1518</v>
      </c>
      <c r="J157" s="11">
        <f t="shared" si="20"/>
        <v>1497</v>
      </c>
      <c r="K157" s="11">
        <f t="shared" si="20"/>
        <v>1481</v>
      </c>
      <c r="L157" s="11">
        <f t="shared" si="20"/>
        <v>1458</v>
      </c>
      <c r="M157" s="11">
        <f t="shared" si="20"/>
        <v>1447</v>
      </c>
      <c r="N157" s="11">
        <f t="shared" si="20"/>
        <v>1419</v>
      </c>
      <c r="O157" s="11">
        <f t="shared" si="20"/>
        <v>1381</v>
      </c>
      <c r="P157" s="11">
        <f t="shared" si="20"/>
        <v>1393</v>
      </c>
      <c r="Q157" s="11">
        <v>1381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591</v>
      </c>
      <c r="H158" s="14">
        <f t="shared" si="21"/>
        <v>661</v>
      </c>
      <c r="I158" s="14">
        <f t="shared" si="21"/>
        <v>746</v>
      </c>
      <c r="J158" s="14">
        <f t="shared" si="21"/>
        <v>762</v>
      </c>
      <c r="K158" s="14">
        <f t="shared" si="21"/>
        <v>774</v>
      </c>
      <c r="L158" s="14">
        <f t="shared" si="21"/>
        <v>786</v>
      </c>
      <c r="M158" s="14">
        <f t="shared" si="21"/>
        <v>799</v>
      </c>
      <c r="N158" s="14">
        <f t="shared" si="21"/>
        <v>819</v>
      </c>
      <c r="O158" s="14">
        <f t="shared" si="21"/>
        <v>840</v>
      </c>
      <c r="P158" s="14">
        <f t="shared" si="21"/>
        <v>845</v>
      </c>
      <c r="Q158" s="14">
        <v>855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2567</v>
      </c>
      <c r="H159" s="17">
        <f t="shared" ref="H159:N159" si="22">SUM(H156:H158)</f>
        <v>2540</v>
      </c>
      <c r="I159" s="17">
        <f t="shared" si="22"/>
        <v>2555</v>
      </c>
      <c r="J159" s="17">
        <f t="shared" si="22"/>
        <v>2548</v>
      </c>
      <c r="K159" s="17">
        <f t="shared" si="22"/>
        <v>2527</v>
      </c>
      <c r="L159" s="17">
        <f t="shared" si="22"/>
        <v>2522</v>
      </c>
      <c r="M159" s="17">
        <f t="shared" si="22"/>
        <v>2508</v>
      </c>
      <c r="N159" s="17">
        <f t="shared" si="22"/>
        <v>2501</v>
      </c>
      <c r="O159" s="17">
        <f>SUM(O156:O158)</f>
        <v>2483</v>
      </c>
      <c r="P159" s="17">
        <f>SUM(P156:P158)</f>
        <v>2520</v>
      </c>
      <c r="Q159" s="17">
        <f>SUM(Q156:Q158)</f>
        <v>2522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6.2</v>
      </c>
      <c r="H164" s="49">
        <f t="shared" si="23"/>
        <v>13.6</v>
      </c>
      <c r="I164" s="49">
        <f t="shared" si="23"/>
        <v>11.4</v>
      </c>
      <c r="J164" s="49">
        <f t="shared" si="23"/>
        <v>11.3</v>
      </c>
      <c r="K164" s="49">
        <f t="shared" si="23"/>
        <v>10.8</v>
      </c>
      <c r="L164" s="49">
        <f t="shared" si="23"/>
        <v>11</v>
      </c>
      <c r="M164" s="49">
        <f t="shared" si="23"/>
        <v>10.4</v>
      </c>
      <c r="N164" s="49">
        <f t="shared" si="23"/>
        <v>10.5</v>
      </c>
      <c r="O164" s="49">
        <f t="shared" si="23"/>
        <v>10.6</v>
      </c>
      <c r="P164" s="49">
        <f t="shared" si="23"/>
        <v>11.2</v>
      </c>
      <c r="Q164" s="49">
        <f t="shared" si="23"/>
        <v>11.3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0.8</v>
      </c>
      <c r="H165" s="50">
        <f t="shared" si="24"/>
        <v>60.4</v>
      </c>
      <c r="I165" s="50">
        <f t="shared" si="24"/>
        <v>59.4</v>
      </c>
      <c r="J165" s="50">
        <f t="shared" si="24"/>
        <v>58.8</v>
      </c>
      <c r="K165" s="50">
        <f t="shared" si="24"/>
        <v>58.6</v>
      </c>
      <c r="L165" s="50">
        <f t="shared" si="24"/>
        <v>57.8</v>
      </c>
      <c r="M165" s="50">
        <f t="shared" si="24"/>
        <v>57.7</v>
      </c>
      <c r="N165" s="50">
        <f t="shared" si="24"/>
        <v>56.7</v>
      </c>
      <c r="O165" s="50">
        <f t="shared" si="24"/>
        <v>55.6</v>
      </c>
      <c r="P165" s="50">
        <f t="shared" si="24"/>
        <v>55.3</v>
      </c>
      <c r="Q165" s="50">
        <f t="shared" si="24"/>
        <v>54.8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3</v>
      </c>
      <c r="H166" s="51">
        <f t="shared" si="25"/>
        <v>26</v>
      </c>
      <c r="I166" s="51">
        <f t="shared" si="25"/>
        <v>29.2</v>
      </c>
      <c r="J166" s="51">
        <f t="shared" si="25"/>
        <v>29.9</v>
      </c>
      <c r="K166" s="51">
        <f t="shared" si="25"/>
        <v>30.6</v>
      </c>
      <c r="L166" s="51">
        <f t="shared" si="25"/>
        <v>31.2</v>
      </c>
      <c r="M166" s="51">
        <f t="shared" si="25"/>
        <v>31.9</v>
      </c>
      <c r="N166" s="51">
        <f t="shared" si="25"/>
        <v>32.700000000000003</v>
      </c>
      <c r="O166" s="51">
        <f t="shared" si="25"/>
        <v>33.799999999999997</v>
      </c>
      <c r="P166" s="51">
        <f t="shared" si="25"/>
        <v>33.5</v>
      </c>
      <c r="Q166" s="51">
        <f t="shared" si="25"/>
        <v>33.9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2" manualBreakCount="2">
    <brk id="80" max="15" man="1"/>
    <brk id="167" max="15" man="1"/>
  </rowBreaks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E42A4F6-9796-4210-96FA-C7CFF0C1A458}">
  <sheetPr codeName="Sheet103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4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66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1790</v>
      </c>
      <c r="H5" s="8">
        <f t="shared" si="0"/>
        <v>2170</v>
      </c>
      <c r="I5" s="8">
        <f t="shared" si="0"/>
        <v>1926</v>
      </c>
      <c r="J5" s="8">
        <f t="shared" si="0"/>
        <v>1863</v>
      </c>
      <c r="K5" s="8">
        <f t="shared" si="0"/>
        <v>1838</v>
      </c>
      <c r="L5" s="8">
        <f t="shared" si="0"/>
        <v>1812</v>
      </c>
      <c r="M5" s="8">
        <f t="shared" si="0"/>
        <v>1747</v>
      </c>
      <c r="N5" s="8">
        <f t="shared" si="0"/>
        <v>1706</v>
      </c>
      <c r="O5" s="8">
        <f t="shared" si="0"/>
        <v>1632</v>
      </c>
      <c r="P5" s="8">
        <f t="shared" si="0"/>
        <v>1574</v>
      </c>
      <c r="Q5" s="8">
        <f t="shared" si="0"/>
        <v>1489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1946</v>
      </c>
      <c r="H6" s="8">
        <f t="shared" si="0"/>
        <v>2235</v>
      </c>
      <c r="I6" s="8">
        <f t="shared" si="0"/>
        <v>2277</v>
      </c>
      <c r="J6" s="8">
        <f t="shared" si="0"/>
        <v>2262</v>
      </c>
      <c r="K6" s="8">
        <f t="shared" si="0"/>
        <v>2206</v>
      </c>
      <c r="L6" s="8">
        <f t="shared" si="0"/>
        <v>2124</v>
      </c>
      <c r="M6" s="8">
        <f t="shared" si="0"/>
        <v>2048</v>
      </c>
      <c r="N6" s="8">
        <f t="shared" si="0"/>
        <v>1965</v>
      </c>
      <c r="O6" s="8">
        <f t="shared" si="0"/>
        <v>1914</v>
      </c>
      <c r="P6" s="8">
        <f t="shared" si="0"/>
        <v>1883</v>
      </c>
      <c r="Q6" s="8">
        <f t="shared" si="0"/>
        <v>1822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2035</v>
      </c>
      <c r="H7" s="8">
        <f t="shared" si="0"/>
        <v>2059</v>
      </c>
      <c r="I7" s="8">
        <f t="shared" si="0"/>
        <v>2255</v>
      </c>
      <c r="J7" s="8">
        <f t="shared" si="0"/>
        <v>2276</v>
      </c>
      <c r="K7" s="8">
        <f t="shared" si="0"/>
        <v>2265</v>
      </c>
      <c r="L7" s="8">
        <f t="shared" si="0"/>
        <v>2322</v>
      </c>
      <c r="M7" s="8">
        <f t="shared" si="0"/>
        <v>2291</v>
      </c>
      <c r="N7" s="8">
        <f t="shared" si="0"/>
        <v>2252</v>
      </c>
      <c r="O7" s="8">
        <f t="shared" si="0"/>
        <v>2227</v>
      </c>
      <c r="P7" s="8">
        <f t="shared" si="0"/>
        <v>2174</v>
      </c>
      <c r="Q7" s="8">
        <f t="shared" si="0"/>
        <v>2113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2012</v>
      </c>
      <c r="H8" s="11">
        <f t="shared" si="0"/>
        <v>2055</v>
      </c>
      <c r="I8" s="11">
        <f t="shared" si="0"/>
        <v>2011</v>
      </c>
      <c r="J8" s="11">
        <f t="shared" si="0"/>
        <v>2047</v>
      </c>
      <c r="K8" s="11">
        <f t="shared" si="0"/>
        <v>2097</v>
      </c>
      <c r="L8" s="11">
        <f t="shared" si="0"/>
        <v>2131</v>
      </c>
      <c r="M8" s="11">
        <f t="shared" si="0"/>
        <v>2208</v>
      </c>
      <c r="N8" s="11">
        <f t="shared" si="0"/>
        <v>2194</v>
      </c>
      <c r="O8" s="11">
        <f t="shared" si="0"/>
        <v>2196</v>
      </c>
      <c r="P8" s="11">
        <f t="shared" si="0"/>
        <v>2220</v>
      </c>
      <c r="Q8" s="11">
        <f t="shared" si="0"/>
        <v>2257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901</v>
      </c>
      <c r="H9" s="11">
        <f t="shared" si="0"/>
        <v>1965</v>
      </c>
      <c r="I9" s="11">
        <f t="shared" si="0"/>
        <v>1929</v>
      </c>
      <c r="J9" s="11">
        <f t="shared" si="0"/>
        <v>1901</v>
      </c>
      <c r="K9" s="11">
        <f t="shared" si="0"/>
        <v>1945</v>
      </c>
      <c r="L9" s="11">
        <f t="shared" si="0"/>
        <v>2022</v>
      </c>
      <c r="M9" s="11">
        <f t="shared" si="0"/>
        <v>2007</v>
      </c>
      <c r="N9" s="11">
        <f t="shared" si="0"/>
        <v>1988</v>
      </c>
      <c r="O9" s="11">
        <f t="shared" si="0"/>
        <v>1990</v>
      </c>
      <c r="P9" s="11">
        <f t="shared" si="0"/>
        <v>2028</v>
      </c>
      <c r="Q9" s="11">
        <f t="shared" si="0"/>
        <v>2011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2288</v>
      </c>
      <c r="H10" s="11">
        <f t="shared" si="0"/>
        <v>2191</v>
      </c>
      <c r="I10" s="11">
        <f t="shared" si="0"/>
        <v>2060</v>
      </c>
      <c r="J10" s="11">
        <f t="shared" si="0"/>
        <v>2089</v>
      </c>
      <c r="K10" s="11">
        <f t="shared" si="0"/>
        <v>2051</v>
      </c>
      <c r="L10" s="11">
        <f t="shared" si="0"/>
        <v>2159</v>
      </c>
      <c r="M10" s="11">
        <f t="shared" si="0"/>
        <v>2106</v>
      </c>
      <c r="N10" s="11">
        <f t="shared" si="0"/>
        <v>2096</v>
      </c>
      <c r="O10" s="11">
        <f t="shared" si="0"/>
        <v>2009</v>
      </c>
      <c r="P10" s="11">
        <f t="shared" si="0"/>
        <v>2057</v>
      </c>
      <c r="Q10" s="11">
        <f t="shared" si="0"/>
        <v>2074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2812</v>
      </c>
      <c r="H11" s="11">
        <f t="shared" si="0"/>
        <v>3058</v>
      </c>
      <c r="I11" s="11">
        <f t="shared" si="0"/>
        <v>2475</v>
      </c>
      <c r="J11" s="11">
        <f t="shared" si="0"/>
        <v>2435</v>
      </c>
      <c r="K11" s="11">
        <f t="shared" si="0"/>
        <v>2410</v>
      </c>
      <c r="L11" s="11">
        <f t="shared" si="0"/>
        <v>2352</v>
      </c>
      <c r="M11" s="11">
        <f t="shared" si="0"/>
        <v>2291</v>
      </c>
      <c r="N11" s="11">
        <f t="shared" si="0"/>
        <v>2227</v>
      </c>
      <c r="O11" s="11">
        <f t="shared" si="0"/>
        <v>2132</v>
      </c>
      <c r="P11" s="11">
        <f t="shared" si="0"/>
        <v>2076</v>
      </c>
      <c r="Q11" s="11">
        <f t="shared" si="0"/>
        <v>2108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2466</v>
      </c>
      <c r="H12" s="11">
        <f t="shared" si="0"/>
        <v>3470</v>
      </c>
      <c r="I12" s="11">
        <f t="shared" si="0"/>
        <v>3213</v>
      </c>
      <c r="J12" s="11">
        <f t="shared" si="0"/>
        <v>3027</v>
      </c>
      <c r="K12" s="11">
        <f t="shared" si="0"/>
        <v>2856</v>
      </c>
      <c r="L12" s="11">
        <f t="shared" si="0"/>
        <v>2720</v>
      </c>
      <c r="M12" s="11">
        <f t="shared" si="0"/>
        <v>2621</v>
      </c>
      <c r="N12" s="11">
        <f t="shared" si="0"/>
        <v>2531</v>
      </c>
      <c r="O12" s="11">
        <f t="shared" si="0"/>
        <v>2524</v>
      </c>
      <c r="P12" s="11">
        <f t="shared" si="0"/>
        <v>2443</v>
      </c>
      <c r="Q12" s="11">
        <f t="shared" si="0"/>
        <v>2310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2404</v>
      </c>
      <c r="H13" s="11">
        <f t="shared" si="0"/>
        <v>2704</v>
      </c>
      <c r="I13" s="11">
        <f t="shared" si="0"/>
        <v>3517</v>
      </c>
      <c r="J13" s="11">
        <f t="shared" si="0"/>
        <v>3576</v>
      </c>
      <c r="K13" s="11">
        <f t="shared" si="0"/>
        <v>3531</v>
      </c>
      <c r="L13" s="11">
        <f t="shared" si="0"/>
        <v>3448</v>
      </c>
      <c r="M13" s="11">
        <f t="shared" si="0"/>
        <v>3294</v>
      </c>
      <c r="N13" s="11">
        <f t="shared" si="0"/>
        <v>3170</v>
      </c>
      <c r="O13" s="11">
        <f t="shared" si="0"/>
        <v>3001</v>
      </c>
      <c r="P13" s="11">
        <f t="shared" si="0"/>
        <v>2851</v>
      </c>
      <c r="Q13" s="11">
        <f t="shared" si="0"/>
        <v>2679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2220</v>
      </c>
      <c r="H14" s="11">
        <f t="shared" si="0"/>
        <v>2540</v>
      </c>
      <c r="I14" s="11">
        <f t="shared" si="0"/>
        <v>2754</v>
      </c>
      <c r="J14" s="11">
        <f t="shared" si="0"/>
        <v>2986</v>
      </c>
      <c r="K14" s="11">
        <f t="shared" si="0"/>
        <v>3162</v>
      </c>
      <c r="L14" s="11">
        <f t="shared" si="0"/>
        <v>3329</v>
      </c>
      <c r="M14" s="11">
        <f t="shared" si="0"/>
        <v>3439</v>
      </c>
      <c r="N14" s="11">
        <f t="shared" si="0"/>
        <v>3487</v>
      </c>
      <c r="O14" s="11">
        <f t="shared" si="0"/>
        <v>3546</v>
      </c>
      <c r="P14" s="11">
        <f t="shared" si="0"/>
        <v>3525</v>
      </c>
      <c r="Q14" s="11">
        <f t="shared" si="0"/>
        <v>3431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2587</v>
      </c>
      <c r="H15" s="11">
        <f t="shared" si="0"/>
        <v>2270</v>
      </c>
      <c r="I15" s="11">
        <f t="shared" si="0"/>
        <v>2508</v>
      </c>
      <c r="J15" s="11">
        <f t="shared" si="0"/>
        <v>2454</v>
      </c>
      <c r="K15" s="11">
        <f t="shared" si="0"/>
        <v>2531</v>
      </c>
      <c r="L15" s="11">
        <f t="shared" si="0"/>
        <v>2571</v>
      </c>
      <c r="M15" s="11">
        <f t="shared" si="0"/>
        <v>2711</v>
      </c>
      <c r="N15" s="11">
        <f t="shared" si="0"/>
        <v>2745</v>
      </c>
      <c r="O15" s="11">
        <f t="shared" si="0"/>
        <v>2974</v>
      </c>
      <c r="P15" s="11">
        <f t="shared" si="0"/>
        <v>3126</v>
      </c>
      <c r="Q15" s="11">
        <f t="shared" si="0"/>
        <v>3271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2921</v>
      </c>
      <c r="H16" s="11">
        <f t="shared" si="0"/>
        <v>2634</v>
      </c>
      <c r="I16" s="11">
        <f t="shared" si="0"/>
        <v>2249</v>
      </c>
      <c r="J16" s="11">
        <f t="shared" si="0"/>
        <v>2267</v>
      </c>
      <c r="K16" s="11">
        <f t="shared" si="0"/>
        <v>2305</v>
      </c>
      <c r="L16" s="11">
        <f t="shared" si="0"/>
        <v>2401</v>
      </c>
      <c r="M16" s="11">
        <f t="shared" si="0"/>
        <v>2416</v>
      </c>
      <c r="N16" s="11">
        <f t="shared" si="0"/>
        <v>2487</v>
      </c>
      <c r="O16" s="11">
        <f t="shared" si="0"/>
        <v>2401</v>
      </c>
      <c r="P16" s="11">
        <f t="shared" si="0"/>
        <v>2463</v>
      </c>
      <c r="Q16" s="11">
        <f t="shared" si="0"/>
        <v>2520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2097</v>
      </c>
      <c r="H17" s="11">
        <f t="shared" si="0"/>
        <v>2970</v>
      </c>
      <c r="I17" s="11">
        <f t="shared" si="0"/>
        <v>2635</v>
      </c>
      <c r="J17" s="11">
        <f t="shared" si="0"/>
        <v>2546</v>
      </c>
      <c r="K17" s="11">
        <f t="shared" si="0"/>
        <v>2422</v>
      </c>
      <c r="L17" s="11">
        <f t="shared" si="0"/>
        <v>2302</v>
      </c>
      <c r="M17" s="11">
        <f t="shared" si="0"/>
        <v>2286</v>
      </c>
      <c r="N17" s="11">
        <f t="shared" si="0"/>
        <v>2228</v>
      </c>
      <c r="O17" s="11">
        <f t="shared" si="0"/>
        <v>2244</v>
      </c>
      <c r="P17" s="11">
        <f t="shared" si="0"/>
        <v>2281</v>
      </c>
      <c r="Q17" s="11">
        <f t="shared" si="0"/>
        <v>2373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734</v>
      </c>
      <c r="H18" s="14">
        <f t="shared" si="0"/>
        <v>2077</v>
      </c>
      <c r="I18" s="14">
        <f t="shared" si="0"/>
        <v>2891</v>
      </c>
      <c r="J18" s="14">
        <f t="shared" si="0"/>
        <v>3083</v>
      </c>
      <c r="K18" s="14">
        <f t="shared" si="0"/>
        <v>2925</v>
      </c>
      <c r="L18" s="14">
        <f t="shared" si="0"/>
        <v>2782</v>
      </c>
      <c r="M18" s="14">
        <f t="shared" si="0"/>
        <v>2630</v>
      </c>
      <c r="N18" s="14">
        <f t="shared" si="0"/>
        <v>2568</v>
      </c>
      <c r="O18" s="14">
        <f t="shared" si="0"/>
        <v>2479</v>
      </c>
      <c r="P18" s="14">
        <f t="shared" si="0"/>
        <v>2371</v>
      </c>
      <c r="Q18" s="14">
        <f t="shared" si="0"/>
        <v>2254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742</v>
      </c>
      <c r="H19" s="14">
        <f t="shared" si="0"/>
        <v>1662</v>
      </c>
      <c r="I19" s="14">
        <f t="shared" si="0"/>
        <v>1983</v>
      </c>
      <c r="J19" s="14">
        <f t="shared" si="0"/>
        <v>1874</v>
      </c>
      <c r="K19" s="14">
        <f t="shared" si="0"/>
        <v>2104</v>
      </c>
      <c r="L19" s="14">
        <f t="shared" si="0"/>
        <v>2336</v>
      </c>
      <c r="M19" s="14">
        <f t="shared" si="0"/>
        <v>2523</v>
      </c>
      <c r="N19" s="14">
        <f t="shared" si="0"/>
        <v>2743</v>
      </c>
      <c r="O19" s="14">
        <f t="shared" si="0"/>
        <v>2937</v>
      </c>
      <c r="P19" s="14">
        <f t="shared" si="0"/>
        <v>2800</v>
      </c>
      <c r="Q19" s="14">
        <f t="shared" si="0"/>
        <v>2651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475</v>
      </c>
      <c r="H20" s="14">
        <f t="shared" si="0"/>
        <v>1600</v>
      </c>
      <c r="I20" s="14">
        <f t="shared" si="0"/>
        <v>1536</v>
      </c>
      <c r="J20" s="14">
        <f t="shared" si="0"/>
        <v>1587</v>
      </c>
      <c r="K20" s="14">
        <f t="shared" si="0"/>
        <v>1691</v>
      </c>
      <c r="L20" s="14">
        <f t="shared" si="0"/>
        <v>1760</v>
      </c>
      <c r="M20" s="14">
        <f t="shared" si="0"/>
        <v>1879</v>
      </c>
      <c r="N20" s="14">
        <f t="shared" si="0"/>
        <v>1838</v>
      </c>
      <c r="O20" s="14">
        <f t="shared" si="0"/>
        <v>1739</v>
      </c>
      <c r="P20" s="14">
        <f t="shared" si="0"/>
        <v>1931</v>
      </c>
      <c r="Q20" s="14">
        <f t="shared" si="0"/>
        <v>2149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968</v>
      </c>
      <c r="H21" s="14">
        <f t="shared" si="1"/>
        <v>1228</v>
      </c>
      <c r="I21" s="14">
        <f t="shared" si="1"/>
        <v>1377</v>
      </c>
      <c r="J21" s="14">
        <f t="shared" si="1"/>
        <v>1378</v>
      </c>
      <c r="K21" s="14">
        <f t="shared" si="1"/>
        <v>1356</v>
      </c>
      <c r="L21" s="14">
        <f t="shared" si="1"/>
        <v>1333</v>
      </c>
      <c r="M21" s="14">
        <f t="shared" si="1"/>
        <v>1319</v>
      </c>
      <c r="N21" s="14">
        <f t="shared" si="1"/>
        <v>1340</v>
      </c>
      <c r="O21" s="14">
        <f t="shared" si="1"/>
        <v>1380</v>
      </c>
      <c r="P21" s="14">
        <f t="shared" si="1"/>
        <v>1455</v>
      </c>
      <c r="Q21" s="14">
        <f t="shared" si="1"/>
        <v>153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565</v>
      </c>
      <c r="H22" s="14">
        <f t="shared" si="1"/>
        <v>706</v>
      </c>
      <c r="I22" s="14">
        <f t="shared" si="1"/>
        <v>917</v>
      </c>
      <c r="J22" s="14">
        <f t="shared" si="1"/>
        <v>953</v>
      </c>
      <c r="K22" s="14">
        <f t="shared" si="1"/>
        <v>991</v>
      </c>
      <c r="L22" s="14">
        <f t="shared" si="1"/>
        <v>1018</v>
      </c>
      <c r="M22" s="14">
        <f t="shared" si="1"/>
        <v>1018</v>
      </c>
      <c r="N22" s="14">
        <f t="shared" si="1"/>
        <v>1033</v>
      </c>
      <c r="O22" s="14">
        <f t="shared" si="1"/>
        <v>1061</v>
      </c>
      <c r="P22" s="14">
        <f t="shared" si="1"/>
        <v>1053</v>
      </c>
      <c r="Q22" s="14">
        <f t="shared" si="1"/>
        <v>1008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264</v>
      </c>
      <c r="H23" s="14">
        <f t="shared" si="1"/>
        <v>304</v>
      </c>
      <c r="I23" s="14">
        <f t="shared" si="1"/>
        <v>435</v>
      </c>
      <c r="J23" s="14">
        <f t="shared" si="1"/>
        <v>441</v>
      </c>
      <c r="K23" s="14">
        <f t="shared" si="1"/>
        <v>470</v>
      </c>
      <c r="L23" s="14">
        <f t="shared" si="1"/>
        <v>509</v>
      </c>
      <c r="M23" s="14">
        <f t="shared" si="1"/>
        <v>543</v>
      </c>
      <c r="N23" s="14">
        <f t="shared" si="1"/>
        <v>573</v>
      </c>
      <c r="O23" s="14">
        <f t="shared" si="1"/>
        <v>595</v>
      </c>
      <c r="P23" s="14">
        <f t="shared" si="1"/>
        <v>600</v>
      </c>
      <c r="Q23" s="14">
        <f t="shared" si="1"/>
        <v>610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66</v>
      </c>
      <c r="H24" s="14">
        <f t="shared" si="1"/>
        <v>98</v>
      </c>
      <c r="I24" s="14">
        <f t="shared" si="1"/>
        <v>105</v>
      </c>
      <c r="J24" s="14">
        <f t="shared" si="1"/>
        <v>127</v>
      </c>
      <c r="K24" s="14">
        <f t="shared" si="1"/>
        <v>135</v>
      </c>
      <c r="L24" s="14">
        <f t="shared" si="1"/>
        <v>140</v>
      </c>
      <c r="M24" s="14">
        <f t="shared" si="1"/>
        <v>144</v>
      </c>
      <c r="N24" s="14">
        <f t="shared" si="1"/>
        <v>175</v>
      </c>
      <c r="O24" s="14">
        <f t="shared" si="1"/>
        <v>190</v>
      </c>
      <c r="P24" s="14">
        <f t="shared" si="1"/>
        <v>186</v>
      </c>
      <c r="Q24" s="14">
        <f t="shared" si="1"/>
        <v>184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3</v>
      </c>
      <c r="H25" s="14">
        <f t="shared" si="1"/>
        <v>18</v>
      </c>
      <c r="I25" s="14">
        <f t="shared" si="1"/>
        <v>21</v>
      </c>
      <c r="J25" s="14">
        <f t="shared" si="1"/>
        <v>20</v>
      </c>
      <c r="K25" s="14">
        <f t="shared" si="1"/>
        <v>16</v>
      </c>
      <c r="L25" s="14">
        <f t="shared" si="1"/>
        <v>17</v>
      </c>
      <c r="M25" s="14">
        <f t="shared" si="1"/>
        <v>25</v>
      </c>
      <c r="N25" s="14">
        <f t="shared" si="1"/>
        <v>20</v>
      </c>
      <c r="O25" s="14">
        <f t="shared" si="1"/>
        <v>25</v>
      </c>
      <c r="P25" s="14">
        <f t="shared" si="1"/>
        <v>34</v>
      </c>
      <c r="Q25" s="14">
        <f t="shared" si="1"/>
        <v>29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36296</v>
      </c>
      <c r="H26" s="17">
        <f>SUM(H5:H25)</f>
        <v>40014</v>
      </c>
      <c r="I26" s="17">
        <f t="shared" ref="I26:N26" si="2">SUM(I5:I25)</f>
        <v>41074</v>
      </c>
      <c r="J26" s="17">
        <f t="shared" si="2"/>
        <v>41192</v>
      </c>
      <c r="K26" s="17">
        <f t="shared" si="2"/>
        <v>41307</v>
      </c>
      <c r="L26" s="17">
        <f t="shared" si="2"/>
        <v>41588</v>
      </c>
      <c r="M26" s="17">
        <f t="shared" si="2"/>
        <v>41546</v>
      </c>
      <c r="N26" s="17">
        <f t="shared" si="2"/>
        <v>41366</v>
      </c>
      <c r="O26" s="17">
        <f>SUM(O5:O25)</f>
        <v>41196</v>
      </c>
      <c r="P26" s="17">
        <f>SUM(P5:P25)</f>
        <v>41131</v>
      </c>
      <c r="Q26" s="17">
        <f>SUM(Q5:Q25)</f>
        <v>40873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53"/>
      <c r="K27" s="53"/>
      <c r="L27" s="53"/>
      <c r="M27" s="53"/>
      <c r="N27" s="53"/>
      <c r="O27" s="53"/>
      <c r="P27" s="53"/>
      <c r="Q27" s="5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5771</v>
      </c>
      <c r="H31" s="21">
        <f t="shared" si="3"/>
        <v>6464</v>
      </c>
      <c r="I31" s="21">
        <f t="shared" si="3"/>
        <v>6458</v>
      </c>
      <c r="J31" s="21">
        <f t="shared" si="3"/>
        <v>6401</v>
      </c>
      <c r="K31" s="21">
        <f t="shared" si="3"/>
        <v>6309</v>
      </c>
      <c r="L31" s="21">
        <f t="shared" si="3"/>
        <v>6258</v>
      </c>
      <c r="M31" s="21">
        <f t="shared" si="3"/>
        <v>6086</v>
      </c>
      <c r="N31" s="21">
        <f t="shared" si="3"/>
        <v>5923</v>
      </c>
      <c r="O31" s="21">
        <f t="shared" si="3"/>
        <v>5773</v>
      </c>
      <c r="P31" s="21">
        <f t="shared" si="3"/>
        <v>5631</v>
      </c>
      <c r="Q31" s="21">
        <f t="shared" si="3"/>
        <v>5424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23708</v>
      </c>
      <c r="H32" s="22">
        <f t="shared" si="4"/>
        <v>25857</v>
      </c>
      <c r="I32" s="22">
        <f t="shared" si="4"/>
        <v>25351</v>
      </c>
      <c r="J32" s="22">
        <f t="shared" si="4"/>
        <v>25328</v>
      </c>
      <c r="K32" s="22">
        <f t="shared" si="4"/>
        <v>25310</v>
      </c>
      <c r="L32" s="22">
        <f t="shared" si="4"/>
        <v>25435</v>
      </c>
      <c r="M32" s="22">
        <f t="shared" si="4"/>
        <v>25379</v>
      </c>
      <c r="N32" s="22">
        <f t="shared" si="4"/>
        <v>25153</v>
      </c>
      <c r="O32" s="22">
        <f t="shared" si="4"/>
        <v>25017</v>
      </c>
      <c r="P32" s="22">
        <f t="shared" si="4"/>
        <v>25070</v>
      </c>
      <c r="Q32" s="22">
        <f t="shared" si="4"/>
        <v>25034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6817</v>
      </c>
      <c r="H33" s="23">
        <f t="shared" si="5"/>
        <v>7693</v>
      </c>
      <c r="I33" s="23">
        <f t="shared" si="5"/>
        <v>9265</v>
      </c>
      <c r="J33" s="23">
        <f t="shared" si="5"/>
        <v>9463</v>
      </c>
      <c r="K33" s="23">
        <f t="shared" si="5"/>
        <v>9688</v>
      </c>
      <c r="L33" s="23">
        <f t="shared" si="5"/>
        <v>9895</v>
      </c>
      <c r="M33" s="23">
        <f t="shared" si="5"/>
        <v>10081</v>
      </c>
      <c r="N33" s="23">
        <f t="shared" si="5"/>
        <v>10290</v>
      </c>
      <c r="O33" s="23">
        <f t="shared" si="5"/>
        <v>10406</v>
      </c>
      <c r="P33" s="23">
        <f t="shared" si="5"/>
        <v>10430</v>
      </c>
      <c r="Q33" s="23">
        <f t="shared" si="5"/>
        <v>10415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36296</v>
      </c>
      <c r="H34" s="24">
        <f>SUM(H31:H33)</f>
        <v>40014</v>
      </c>
      <c r="I34" s="24">
        <f t="shared" ref="I34:N34" si="6">SUM(I31:I33)</f>
        <v>41074</v>
      </c>
      <c r="J34" s="24">
        <f t="shared" si="6"/>
        <v>41192</v>
      </c>
      <c r="K34" s="24">
        <f t="shared" si="6"/>
        <v>41307</v>
      </c>
      <c r="L34" s="24">
        <f t="shared" si="6"/>
        <v>41588</v>
      </c>
      <c r="M34" s="24">
        <f t="shared" si="6"/>
        <v>41546</v>
      </c>
      <c r="N34" s="24">
        <f t="shared" si="6"/>
        <v>41366</v>
      </c>
      <c r="O34" s="24">
        <f>SUM(O31:O33)</f>
        <v>41196</v>
      </c>
      <c r="P34" s="24">
        <f>SUM(P31:P33)</f>
        <v>41131</v>
      </c>
      <c r="Q34" s="24">
        <f>SUM(Q31:Q33)</f>
        <v>40873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5.9</v>
      </c>
      <c r="H39" s="33">
        <f t="shared" si="7"/>
        <v>16.2</v>
      </c>
      <c r="I39" s="33">
        <f t="shared" si="7"/>
        <v>15.7</v>
      </c>
      <c r="J39" s="33">
        <f t="shared" si="7"/>
        <v>15.5</v>
      </c>
      <c r="K39" s="33">
        <f t="shared" si="7"/>
        <v>15.3</v>
      </c>
      <c r="L39" s="33">
        <f t="shared" si="7"/>
        <v>15</v>
      </c>
      <c r="M39" s="33">
        <f t="shared" si="7"/>
        <v>14.6</v>
      </c>
      <c r="N39" s="33">
        <f t="shared" si="7"/>
        <v>14.3</v>
      </c>
      <c r="O39" s="33">
        <f t="shared" si="7"/>
        <v>14</v>
      </c>
      <c r="P39" s="33">
        <f t="shared" si="7"/>
        <v>13.7</v>
      </c>
      <c r="Q39" s="33">
        <f t="shared" si="7"/>
        <v>13.3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5.3</v>
      </c>
      <c r="H40" s="35">
        <f t="shared" si="8"/>
        <v>64.599999999999994</v>
      </c>
      <c r="I40" s="35">
        <f t="shared" si="8"/>
        <v>61.7</v>
      </c>
      <c r="J40" s="35">
        <f t="shared" si="8"/>
        <v>61.5</v>
      </c>
      <c r="K40" s="35">
        <f t="shared" si="8"/>
        <v>61.3</v>
      </c>
      <c r="L40" s="35">
        <f t="shared" si="8"/>
        <v>61.2</v>
      </c>
      <c r="M40" s="35">
        <f t="shared" si="8"/>
        <v>61.1</v>
      </c>
      <c r="N40" s="35">
        <f t="shared" si="8"/>
        <v>60.8</v>
      </c>
      <c r="O40" s="35">
        <f t="shared" si="8"/>
        <v>60.7</v>
      </c>
      <c r="P40" s="35">
        <f t="shared" si="8"/>
        <v>61</v>
      </c>
      <c r="Q40" s="35">
        <f t="shared" si="8"/>
        <v>61.2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18.8</v>
      </c>
      <c r="H41" s="37">
        <f t="shared" si="9"/>
        <v>19.2</v>
      </c>
      <c r="I41" s="37">
        <f t="shared" si="9"/>
        <v>22.6</v>
      </c>
      <c r="J41" s="37">
        <f t="shared" si="9"/>
        <v>23</v>
      </c>
      <c r="K41" s="37">
        <f t="shared" si="9"/>
        <v>23.5</v>
      </c>
      <c r="L41" s="37">
        <f t="shared" si="9"/>
        <v>23.8</v>
      </c>
      <c r="M41" s="37">
        <f t="shared" si="9"/>
        <v>24.3</v>
      </c>
      <c r="N41" s="37">
        <f t="shared" si="9"/>
        <v>24.9</v>
      </c>
      <c r="O41" s="37">
        <f t="shared" si="9"/>
        <v>25.3</v>
      </c>
      <c r="P41" s="37">
        <f t="shared" si="9"/>
        <v>25.4</v>
      </c>
      <c r="Q41" s="37">
        <f t="shared" si="9"/>
        <v>25.5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67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54"/>
      <c r="P82" s="54"/>
      <c r="Q82" s="54"/>
      <c r="R82" s="5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68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924</v>
      </c>
      <c r="H84" s="8">
        <v>1102</v>
      </c>
      <c r="I84" s="8">
        <v>982</v>
      </c>
      <c r="J84" s="8">
        <v>976</v>
      </c>
      <c r="K84" s="8">
        <v>947</v>
      </c>
      <c r="L84" s="8">
        <v>956</v>
      </c>
      <c r="M84" s="8">
        <v>928</v>
      </c>
      <c r="N84" s="21">
        <v>898</v>
      </c>
      <c r="O84" s="21">
        <v>830</v>
      </c>
      <c r="P84" s="21">
        <v>791</v>
      </c>
      <c r="Q84" s="21">
        <v>751</v>
      </c>
    </row>
    <row r="85" spans="1:20" ht="21.75" customHeight="1" x14ac:dyDescent="0.2">
      <c r="A85" s="6" t="s">
        <v>69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977</v>
      </c>
      <c r="H85" s="8">
        <v>1169</v>
      </c>
      <c r="I85" s="8">
        <v>1161</v>
      </c>
      <c r="J85" s="8">
        <v>1143</v>
      </c>
      <c r="K85" s="8">
        <v>1120</v>
      </c>
      <c r="L85" s="8">
        <v>1072</v>
      </c>
      <c r="M85" s="8">
        <v>1022</v>
      </c>
      <c r="N85" s="21">
        <v>1005</v>
      </c>
      <c r="O85" s="21">
        <v>1005</v>
      </c>
      <c r="P85" s="21">
        <v>978</v>
      </c>
      <c r="Q85" s="21">
        <v>965</v>
      </c>
    </row>
    <row r="86" spans="1:20" ht="21.75" customHeight="1" x14ac:dyDescent="0.2">
      <c r="A86" s="6" t="s">
        <v>70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043</v>
      </c>
      <c r="H86" s="8">
        <v>1038</v>
      </c>
      <c r="I86" s="8">
        <v>1175</v>
      </c>
      <c r="J86" s="8">
        <v>1180</v>
      </c>
      <c r="K86" s="8">
        <v>1186</v>
      </c>
      <c r="L86" s="8">
        <v>1205</v>
      </c>
      <c r="M86" s="8">
        <v>1207</v>
      </c>
      <c r="N86" s="21">
        <v>1158</v>
      </c>
      <c r="O86" s="21">
        <v>1137</v>
      </c>
      <c r="P86" s="21">
        <v>1114</v>
      </c>
      <c r="Q86" s="21">
        <v>1067</v>
      </c>
    </row>
    <row r="87" spans="1:20" ht="21.75" customHeight="1" x14ac:dyDescent="0.2">
      <c r="A87" s="9" t="s">
        <v>71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063</v>
      </c>
      <c r="H87" s="11">
        <v>1034</v>
      </c>
      <c r="I87" s="11">
        <v>998</v>
      </c>
      <c r="J87" s="11">
        <v>1039</v>
      </c>
      <c r="K87" s="11">
        <v>1075</v>
      </c>
      <c r="L87" s="11">
        <v>1090</v>
      </c>
      <c r="M87" s="11">
        <v>1134</v>
      </c>
      <c r="N87" s="22">
        <v>1149</v>
      </c>
      <c r="O87" s="22">
        <v>1139</v>
      </c>
      <c r="P87" s="22">
        <v>1149</v>
      </c>
      <c r="Q87" s="22">
        <v>1167</v>
      </c>
    </row>
    <row r="88" spans="1:20" ht="21.75" customHeight="1" x14ac:dyDescent="0.2">
      <c r="A88" s="9" t="s">
        <v>72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948</v>
      </c>
      <c r="H88" s="11">
        <v>1039</v>
      </c>
      <c r="I88" s="11">
        <v>971</v>
      </c>
      <c r="J88" s="11">
        <v>939</v>
      </c>
      <c r="K88" s="11">
        <v>957</v>
      </c>
      <c r="L88" s="11">
        <v>999</v>
      </c>
      <c r="M88" s="11">
        <v>995</v>
      </c>
      <c r="N88" s="22">
        <v>993</v>
      </c>
      <c r="O88" s="22">
        <v>995</v>
      </c>
      <c r="P88" s="22">
        <v>1033</v>
      </c>
      <c r="Q88" s="22">
        <v>1045</v>
      </c>
    </row>
    <row r="89" spans="1:20" ht="21.75" customHeight="1" x14ac:dyDescent="0.2">
      <c r="A89" s="9" t="s">
        <v>73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219</v>
      </c>
      <c r="H89" s="11">
        <v>1110</v>
      </c>
      <c r="I89" s="11">
        <v>1105</v>
      </c>
      <c r="J89" s="11">
        <v>1137</v>
      </c>
      <c r="K89" s="11">
        <v>1111</v>
      </c>
      <c r="L89" s="11">
        <v>1192</v>
      </c>
      <c r="M89" s="11">
        <v>1112</v>
      </c>
      <c r="N89" s="22">
        <v>1087</v>
      </c>
      <c r="O89" s="22">
        <v>1039</v>
      </c>
      <c r="P89" s="22">
        <v>1067</v>
      </c>
      <c r="Q89" s="22">
        <v>1068</v>
      </c>
    </row>
    <row r="90" spans="1:20" ht="21.75" customHeight="1" x14ac:dyDescent="0.2">
      <c r="A90" s="9" t="s">
        <v>74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412</v>
      </c>
      <c r="H90" s="11">
        <v>1577</v>
      </c>
      <c r="I90" s="11">
        <v>1231</v>
      </c>
      <c r="J90" s="11">
        <v>1216</v>
      </c>
      <c r="K90" s="11">
        <v>1212</v>
      </c>
      <c r="L90" s="11">
        <v>1181</v>
      </c>
      <c r="M90" s="11">
        <v>1187</v>
      </c>
      <c r="N90" s="22">
        <v>1188</v>
      </c>
      <c r="O90" s="22">
        <v>1143</v>
      </c>
      <c r="P90" s="22">
        <v>1119</v>
      </c>
      <c r="Q90" s="22">
        <v>1138</v>
      </c>
    </row>
    <row r="91" spans="1:20" ht="21.75" customHeight="1" x14ac:dyDescent="0.2">
      <c r="A91" s="9" t="s">
        <v>75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1236</v>
      </c>
      <c r="H91" s="11">
        <v>1763</v>
      </c>
      <c r="I91" s="11">
        <v>1647</v>
      </c>
      <c r="J91" s="11">
        <v>1549</v>
      </c>
      <c r="K91" s="11">
        <v>1452</v>
      </c>
      <c r="L91" s="11">
        <v>1366</v>
      </c>
      <c r="M91" s="11">
        <v>1309</v>
      </c>
      <c r="N91" s="22">
        <v>1259</v>
      </c>
      <c r="O91" s="22">
        <v>1264</v>
      </c>
      <c r="P91" s="22">
        <v>1210</v>
      </c>
      <c r="Q91" s="22">
        <v>1141</v>
      </c>
    </row>
    <row r="92" spans="1:20" ht="21.75" customHeight="1" x14ac:dyDescent="0.2">
      <c r="A92" s="9" t="s">
        <v>76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1178</v>
      </c>
      <c r="H92" s="11">
        <v>1361</v>
      </c>
      <c r="I92" s="11">
        <v>1768</v>
      </c>
      <c r="J92" s="11">
        <v>1801</v>
      </c>
      <c r="K92" s="11">
        <v>1786</v>
      </c>
      <c r="L92" s="11">
        <v>1773</v>
      </c>
      <c r="M92" s="11">
        <v>1686</v>
      </c>
      <c r="N92" s="22">
        <v>1631</v>
      </c>
      <c r="O92" s="22">
        <v>1535</v>
      </c>
      <c r="P92" s="22">
        <v>1469</v>
      </c>
      <c r="Q92" s="22">
        <v>1360</v>
      </c>
    </row>
    <row r="93" spans="1:20" ht="21.75" customHeight="1" x14ac:dyDescent="0.2">
      <c r="A93" s="9" t="s">
        <v>77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120</v>
      </c>
      <c r="H93" s="11">
        <v>1226</v>
      </c>
      <c r="I93" s="11">
        <v>1391</v>
      </c>
      <c r="J93" s="11">
        <v>1499</v>
      </c>
      <c r="K93" s="11">
        <v>1587</v>
      </c>
      <c r="L93" s="11">
        <v>1690</v>
      </c>
      <c r="M93" s="11">
        <v>1743</v>
      </c>
      <c r="N93" s="22">
        <v>1745</v>
      </c>
      <c r="O93" s="22">
        <v>1795</v>
      </c>
      <c r="P93" s="22">
        <v>1786</v>
      </c>
      <c r="Q93" s="22">
        <v>1761</v>
      </c>
    </row>
    <row r="94" spans="1:20" ht="21.75" customHeight="1" x14ac:dyDescent="0.2">
      <c r="A94" s="9" t="s">
        <v>78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289</v>
      </c>
      <c r="H94" s="11">
        <v>1126</v>
      </c>
      <c r="I94" s="11">
        <v>1207</v>
      </c>
      <c r="J94" s="11">
        <v>1205</v>
      </c>
      <c r="K94" s="11">
        <v>1238</v>
      </c>
      <c r="L94" s="11">
        <v>1254</v>
      </c>
      <c r="M94" s="11">
        <v>1338</v>
      </c>
      <c r="N94" s="22">
        <v>1384</v>
      </c>
      <c r="O94" s="22">
        <v>1489</v>
      </c>
      <c r="P94" s="22">
        <v>1570</v>
      </c>
      <c r="Q94" s="22">
        <v>1663</v>
      </c>
    </row>
    <row r="95" spans="1:20" ht="21.75" customHeight="1" x14ac:dyDescent="0.2">
      <c r="A95" s="9" t="s">
        <v>79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1497</v>
      </c>
      <c r="H95" s="11">
        <v>1299</v>
      </c>
      <c r="I95" s="11">
        <v>1101</v>
      </c>
      <c r="J95" s="11">
        <v>1103</v>
      </c>
      <c r="K95" s="11">
        <v>1132</v>
      </c>
      <c r="L95" s="11">
        <v>1175</v>
      </c>
      <c r="M95" s="11">
        <v>1164</v>
      </c>
      <c r="N95" s="22">
        <v>1185</v>
      </c>
      <c r="O95" s="22">
        <v>1172</v>
      </c>
      <c r="P95" s="22">
        <v>1198</v>
      </c>
      <c r="Q95" s="22">
        <v>1226</v>
      </c>
    </row>
    <row r="96" spans="1:20" ht="21.75" customHeight="1" x14ac:dyDescent="0.2">
      <c r="A96" s="9" t="s">
        <v>80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039</v>
      </c>
      <c r="H96" s="11">
        <v>1493</v>
      </c>
      <c r="I96" s="11">
        <v>1284</v>
      </c>
      <c r="J96" s="11">
        <v>1247</v>
      </c>
      <c r="K96" s="11">
        <v>1176</v>
      </c>
      <c r="L96" s="11">
        <v>1106</v>
      </c>
      <c r="M96" s="11">
        <v>1114</v>
      </c>
      <c r="N96" s="22">
        <v>1081</v>
      </c>
      <c r="O96" s="22">
        <v>1080</v>
      </c>
      <c r="P96" s="22">
        <v>1108</v>
      </c>
      <c r="Q96" s="22">
        <v>1152</v>
      </c>
    </row>
    <row r="97" spans="1:17" ht="21.75" customHeight="1" x14ac:dyDescent="0.2">
      <c r="A97" s="12" t="s">
        <v>81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833</v>
      </c>
      <c r="H97" s="14">
        <v>1015</v>
      </c>
      <c r="I97" s="14">
        <v>1431</v>
      </c>
      <c r="J97" s="14">
        <v>1513</v>
      </c>
      <c r="K97" s="14">
        <v>1447</v>
      </c>
      <c r="L97" s="14">
        <v>1356</v>
      </c>
      <c r="M97" s="14">
        <v>1273</v>
      </c>
      <c r="N97" s="23">
        <v>1241</v>
      </c>
      <c r="O97" s="23">
        <v>1198</v>
      </c>
      <c r="P97" s="23">
        <v>1135</v>
      </c>
      <c r="Q97" s="23">
        <v>1062</v>
      </c>
    </row>
    <row r="98" spans="1:17" ht="21.75" customHeight="1" x14ac:dyDescent="0.2">
      <c r="A98" s="12" t="s">
        <v>82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728</v>
      </c>
      <c r="H98" s="14">
        <v>774</v>
      </c>
      <c r="I98" s="14">
        <v>950</v>
      </c>
      <c r="J98" s="14">
        <v>900</v>
      </c>
      <c r="K98" s="14">
        <v>997</v>
      </c>
      <c r="L98" s="14">
        <v>1134</v>
      </c>
      <c r="M98" s="14">
        <v>1244</v>
      </c>
      <c r="N98" s="23">
        <v>1327</v>
      </c>
      <c r="O98" s="23">
        <v>1398</v>
      </c>
      <c r="P98" s="23">
        <v>1348</v>
      </c>
      <c r="Q98" s="23">
        <v>1258</v>
      </c>
    </row>
    <row r="99" spans="1:17" ht="21.75" customHeight="1" x14ac:dyDescent="0.2">
      <c r="A99" s="12" t="s">
        <v>83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638</v>
      </c>
      <c r="H99" s="14">
        <v>637</v>
      </c>
      <c r="I99" s="14">
        <v>686</v>
      </c>
      <c r="J99" s="14">
        <v>708</v>
      </c>
      <c r="K99" s="14">
        <v>768</v>
      </c>
      <c r="L99" s="14">
        <v>786</v>
      </c>
      <c r="M99" s="14">
        <v>845</v>
      </c>
      <c r="N99" s="23">
        <v>843</v>
      </c>
      <c r="O99" s="23">
        <v>809</v>
      </c>
      <c r="P99" s="23">
        <v>876</v>
      </c>
      <c r="Q99" s="23">
        <v>1010</v>
      </c>
    </row>
    <row r="100" spans="1:17" ht="21.75" customHeight="1" x14ac:dyDescent="0.2">
      <c r="A100" s="12" t="s">
        <v>84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364</v>
      </c>
      <c r="H100" s="14">
        <v>486</v>
      </c>
      <c r="I100" s="14">
        <v>515</v>
      </c>
      <c r="J100" s="14">
        <v>523</v>
      </c>
      <c r="K100" s="14">
        <v>529</v>
      </c>
      <c r="L100" s="14">
        <v>546</v>
      </c>
      <c r="M100" s="14">
        <v>543</v>
      </c>
      <c r="N100" s="23">
        <v>563</v>
      </c>
      <c r="O100" s="23">
        <v>595</v>
      </c>
      <c r="P100" s="23">
        <v>635</v>
      </c>
      <c r="Q100" s="23">
        <v>637</v>
      </c>
    </row>
    <row r="101" spans="1:17" ht="21.75" customHeight="1" x14ac:dyDescent="0.2">
      <c r="A101" s="12" t="s">
        <v>85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61</v>
      </c>
      <c r="H101" s="14">
        <v>231</v>
      </c>
      <c r="I101" s="14">
        <v>316</v>
      </c>
      <c r="J101" s="14">
        <v>333</v>
      </c>
      <c r="K101" s="14">
        <v>336</v>
      </c>
      <c r="L101" s="14">
        <v>330</v>
      </c>
      <c r="M101" s="14">
        <v>315</v>
      </c>
      <c r="N101" s="23">
        <v>318</v>
      </c>
      <c r="O101" s="23">
        <v>337</v>
      </c>
      <c r="P101" s="23">
        <v>364</v>
      </c>
      <c r="Q101" s="23">
        <v>386</v>
      </c>
    </row>
    <row r="102" spans="1:17" ht="21.75" customHeight="1" x14ac:dyDescent="0.2">
      <c r="A102" s="12" t="s">
        <v>86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62</v>
      </c>
      <c r="H102" s="14">
        <v>74</v>
      </c>
      <c r="I102" s="14">
        <v>112</v>
      </c>
      <c r="J102" s="14">
        <v>121</v>
      </c>
      <c r="K102" s="14">
        <v>133</v>
      </c>
      <c r="L102" s="14">
        <v>150</v>
      </c>
      <c r="M102" s="14">
        <v>161</v>
      </c>
      <c r="N102" s="23">
        <v>171</v>
      </c>
      <c r="O102" s="23">
        <v>170</v>
      </c>
      <c r="P102" s="23">
        <v>155</v>
      </c>
      <c r="Q102" s="23">
        <v>144</v>
      </c>
    </row>
    <row r="103" spans="1:17" ht="21.75" customHeight="1" x14ac:dyDescent="0.2">
      <c r="A103" s="12" t="s">
        <v>87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9</v>
      </c>
      <c r="H103" s="14">
        <v>19</v>
      </c>
      <c r="I103" s="14">
        <v>14</v>
      </c>
      <c r="J103" s="14">
        <v>16</v>
      </c>
      <c r="K103" s="14">
        <v>20</v>
      </c>
      <c r="L103" s="14">
        <v>23</v>
      </c>
      <c r="M103" s="14">
        <v>29</v>
      </c>
      <c r="N103" s="23">
        <v>38</v>
      </c>
      <c r="O103" s="23">
        <v>44</v>
      </c>
      <c r="P103" s="23">
        <v>41</v>
      </c>
      <c r="Q103" s="23">
        <v>40</v>
      </c>
    </row>
    <row r="104" spans="1:17" ht="21.75" customHeight="1" x14ac:dyDescent="0.2">
      <c r="A104" s="12" t="s">
        <v>88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1</v>
      </c>
      <c r="H104" s="14">
        <v>1</v>
      </c>
      <c r="I104" s="14">
        <v>5</v>
      </c>
      <c r="J104" s="14">
        <v>4</v>
      </c>
      <c r="K104" s="14">
        <v>4</v>
      </c>
      <c r="L104" s="14">
        <v>3</v>
      </c>
      <c r="M104" s="14">
        <v>2</v>
      </c>
      <c r="N104" s="23">
        <v>2</v>
      </c>
      <c r="O104" s="23">
        <v>1</v>
      </c>
      <c r="P104" s="23">
        <v>5</v>
      </c>
      <c r="Q104" s="23">
        <v>5</v>
      </c>
    </row>
    <row r="105" spans="1:17" ht="21.75" customHeight="1" x14ac:dyDescent="0.2">
      <c r="A105" s="15" t="s">
        <v>89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7741</v>
      </c>
      <c r="H105" s="17">
        <f t="shared" ref="H105:N105" si="10">SUM(H84:H104)</f>
        <v>19574</v>
      </c>
      <c r="I105" s="17">
        <f t="shared" si="10"/>
        <v>20050</v>
      </c>
      <c r="J105" s="17">
        <f t="shared" si="10"/>
        <v>20152</v>
      </c>
      <c r="K105" s="17">
        <f t="shared" si="10"/>
        <v>20213</v>
      </c>
      <c r="L105" s="17">
        <f t="shared" si="10"/>
        <v>20387</v>
      </c>
      <c r="M105" s="17">
        <f t="shared" si="10"/>
        <v>20351</v>
      </c>
      <c r="N105" s="17">
        <f t="shared" si="10"/>
        <v>20266</v>
      </c>
      <c r="O105" s="17">
        <f>SUM(O84:O104)</f>
        <v>20175</v>
      </c>
      <c r="P105" s="17">
        <f>SUM(P84:P104)</f>
        <v>20151</v>
      </c>
      <c r="Q105" s="17">
        <f>SUM(Q84:Q104)</f>
        <v>20046</v>
      </c>
    </row>
    <row r="106" spans="1:17" ht="21.75" customHeight="1" x14ac:dyDescent="0.2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55"/>
      <c r="N106" s="54"/>
      <c r="O106" s="3"/>
      <c r="P106" s="3"/>
      <c r="Q106" s="3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90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2944</v>
      </c>
      <c r="H110" s="8">
        <f t="shared" si="11"/>
        <v>3309</v>
      </c>
      <c r="I110" s="8">
        <f t="shared" si="11"/>
        <v>3318</v>
      </c>
      <c r="J110" s="8">
        <f t="shared" si="11"/>
        <v>3299</v>
      </c>
      <c r="K110" s="8">
        <f t="shared" si="11"/>
        <v>3253</v>
      </c>
      <c r="L110" s="8">
        <f t="shared" si="11"/>
        <v>3233</v>
      </c>
      <c r="M110" s="8">
        <f t="shared" si="11"/>
        <v>3157</v>
      </c>
      <c r="N110" s="8">
        <f t="shared" si="11"/>
        <v>3061</v>
      </c>
      <c r="O110" s="8">
        <f t="shared" si="11"/>
        <v>2972</v>
      </c>
      <c r="P110" s="8">
        <f t="shared" si="11"/>
        <v>2883</v>
      </c>
      <c r="Q110" s="8">
        <v>2783</v>
      </c>
    </row>
    <row r="111" spans="1:17" ht="21.75" customHeight="1" x14ac:dyDescent="0.2">
      <c r="A111" s="9" t="s">
        <v>91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2001</v>
      </c>
      <c r="H111" s="11">
        <f t="shared" si="12"/>
        <v>13028</v>
      </c>
      <c r="I111" s="11">
        <f t="shared" si="12"/>
        <v>12703</v>
      </c>
      <c r="J111" s="11">
        <f t="shared" si="12"/>
        <v>12735</v>
      </c>
      <c r="K111" s="11">
        <f t="shared" si="12"/>
        <v>12726</v>
      </c>
      <c r="L111" s="11">
        <f t="shared" si="12"/>
        <v>12826</v>
      </c>
      <c r="M111" s="11">
        <f t="shared" si="12"/>
        <v>12782</v>
      </c>
      <c r="N111" s="11">
        <f t="shared" si="12"/>
        <v>12702</v>
      </c>
      <c r="O111" s="11">
        <f t="shared" si="12"/>
        <v>12651</v>
      </c>
      <c r="P111" s="11">
        <f t="shared" si="12"/>
        <v>12709</v>
      </c>
      <c r="Q111" s="11">
        <v>12721</v>
      </c>
    </row>
    <row r="112" spans="1:17" ht="21.75" customHeight="1" x14ac:dyDescent="0.2">
      <c r="A112" s="12" t="s">
        <v>92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796</v>
      </c>
      <c r="H112" s="14">
        <f t="shared" si="13"/>
        <v>3237</v>
      </c>
      <c r="I112" s="14">
        <f t="shared" si="13"/>
        <v>4029</v>
      </c>
      <c r="J112" s="14">
        <f t="shared" si="13"/>
        <v>4118</v>
      </c>
      <c r="K112" s="14">
        <f t="shared" si="13"/>
        <v>4234</v>
      </c>
      <c r="L112" s="14">
        <f t="shared" si="13"/>
        <v>4328</v>
      </c>
      <c r="M112" s="14">
        <f t="shared" si="13"/>
        <v>4412</v>
      </c>
      <c r="N112" s="14">
        <f t="shared" si="13"/>
        <v>4503</v>
      </c>
      <c r="O112" s="14">
        <f t="shared" si="13"/>
        <v>4552</v>
      </c>
      <c r="P112" s="14">
        <f t="shared" si="13"/>
        <v>4559</v>
      </c>
      <c r="Q112" s="14">
        <v>4542</v>
      </c>
    </row>
    <row r="113" spans="1:17" ht="21.75" customHeight="1" x14ac:dyDescent="0.2">
      <c r="A113" s="15" t="s">
        <v>93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7741</v>
      </c>
      <c r="H113" s="17">
        <f t="shared" ref="H113:N113" si="14">SUM(H110:H112)</f>
        <v>19574</v>
      </c>
      <c r="I113" s="17">
        <f t="shared" si="14"/>
        <v>20050</v>
      </c>
      <c r="J113" s="17">
        <f t="shared" si="14"/>
        <v>20152</v>
      </c>
      <c r="K113" s="17">
        <f t="shared" si="14"/>
        <v>20213</v>
      </c>
      <c r="L113" s="17">
        <f t="shared" si="14"/>
        <v>20387</v>
      </c>
      <c r="M113" s="17">
        <f t="shared" si="14"/>
        <v>20351</v>
      </c>
      <c r="N113" s="17">
        <f t="shared" si="14"/>
        <v>20266</v>
      </c>
      <c r="O113" s="17">
        <f>SUM(O110:O112)</f>
        <v>20175</v>
      </c>
      <c r="P113" s="17">
        <f>SUM(P110:P112)</f>
        <v>20151</v>
      </c>
      <c r="Q113" s="17">
        <f>SUM(Q110:Q112)</f>
        <v>20046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6.600000000000001</v>
      </c>
      <c r="H118" s="49">
        <f t="shared" si="15"/>
        <v>16.899999999999999</v>
      </c>
      <c r="I118" s="49">
        <f t="shared" si="15"/>
        <v>16.5</v>
      </c>
      <c r="J118" s="49">
        <f t="shared" si="15"/>
        <v>16.399999999999999</v>
      </c>
      <c r="K118" s="49">
        <f t="shared" si="15"/>
        <v>16.100000000000001</v>
      </c>
      <c r="L118" s="49">
        <f t="shared" si="15"/>
        <v>15.9</v>
      </c>
      <c r="M118" s="49">
        <f t="shared" si="15"/>
        <v>15.5</v>
      </c>
      <c r="N118" s="49">
        <f t="shared" si="15"/>
        <v>15.1</v>
      </c>
      <c r="O118" s="49">
        <f t="shared" si="15"/>
        <v>14.7</v>
      </c>
      <c r="P118" s="49">
        <f t="shared" si="15"/>
        <v>14.3</v>
      </c>
      <c r="Q118" s="49">
        <f t="shared" si="15"/>
        <v>13.9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7.599999999999994</v>
      </c>
      <c r="H119" s="50">
        <f t="shared" si="16"/>
        <v>66.599999999999994</v>
      </c>
      <c r="I119" s="50">
        <f t="shared" si="16"/>
        <v>63.4</v>
      </c>
      <c r="J119" s="50">
        <f t="shared" si="16"/>
        <v>63.2</v>
      </c>
      <c r="K119" s="50">
        <f t="shared" si="16"/>
        <v>63</v>
      </c>
      <c r="L119" s="50">
        <f t="shared" si="16"/>
        <v>62.9</v>
      </c>
      <c r="M119" s="50">
        <f t="shared" si="16"/>
        <v>62.8</v>
      </c>
      <c r="N119" s="50">
        <f t="shared" si="16"/>
        <v>62.7</v>
      </c>
      <c r="O119" s="50">
        <f t="shared" si="16"/>
        <v>62.7</v>
      </c>
      <c r="P119" s="50">
        <f t="shared" si="16"/>
        <v>63.1</v>
      </c>
      <c r="Q119" s="50">
        <f t="shared" si="16"/>
        <v>63.5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5.8</v>
      </c>
      <c r="H120" s="51">
        <f t="shared" si="17"/>
        <v>16.5</v>
      </c>
      <c r="I120" s="51">
        <f t="shared" si="17"/>
        <v>20.100000000000001</v>
      </c>
      <c r="J120" s="51">
        <f t="shared" si="17"/>
        <v>20.399999999999999</v>
      </c>
      <c r="K120" s="51">
        <f t="shared" si="17"/>
        <v>20.9</v>
      </c>
      <c r="L120" s="51">
        <f t="shared" si="17"/>
        <v>21.2</v>
      </c>
      <c r="M120" s="51">
        <f t="shared" si="17"/>
        <v>21.7</v>
      </c>
      <c r="N120" s="51">
        <f t="shared" si="17"/>
        <v>22.2</v>
      </c>
      <c r="O120" s="51">
        <f t="shared" si="17"/>
        <v>22.6</v>
      </c>
      <c r="P120" s="51">
        <f t="shared" si="17"/>
        <v>22.6</v>
      </c>
      <c r="Q120" s="51">
        <f t="shared" si="17"/>
        <v>22.7</v>
      </c>
    </row>
    <row r="121" spans="1:17" ht="21.75" customHeight="1" x14ac:dyDescent="0.2">
      <c r="A121" s="38" t="s">
        <v>94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N121" s="55"/>
      <c r="O121" s="3"/>
      <c r="P121" s="3"/>
      <c r="Q121" s="3"/>
    </row>
    <row r="122" spans="1:17" ht="21.75" customHeight="1" x14ac:dyDescent="0.2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N122" s="3"/>
      <c r="O122" s="3"/>
      <c r="P122" s="3"/>
      <c r="Q122" s="3"/>
    </row>
    <row r="123" spans="1:17" ht="21.75" customHeight="1" x14ac:dyDescent="0.2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N123" s="3"/>
      <c r="O123" s="3"/>
      <c r="P123" s="3"/>
      <c r="Q123" s="3"/>
    </row>
    <row r="124" spans="1:17" ht="21.75" customHeight="1" x14ac:dyDescent="0.2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N124" s="3"/>
      <c r="O124" s="3"/>
      <c r="P124" s="3"/>
      <c r="Q124" s="3"/>
    </row>
    <row r="125" spans="1:17" ht="21.75" customHeight="1" x14ac:dyDescent="0.2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N125" s="3"/>
      <c r="O125" s="3"/>
      <c r="P125" s="3"/>
      <c r="Q125" s="3"/>
    </row>
    <row r="126" spans="1:17" ht="21.75" customHeight="1" x14ac:dyDescent="0.2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N126" s="3"/>
      <c r="O126" s="3"/>
      <c r="P126" s="3"/>
      <c r="Q126" s="3"/>
    </row>
    <row r="127" spans="1:17" ht="21.75" customHeight="1" x14ac:dyDescent="0.2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</row>
    <row r="128" spans="1:17" ht="21.75" customHeight="1" x14ac:dyDescent="0.2">
      <c r="A128" s="2" t="s">
        <v>95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54"/>
      <c r="O128" s="3"/>
      <c r="P128" s="3"/>
      <c r="Q128" s="3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68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866</v>
      </c>
      <c r="H130" s="8">
        <v>1068</v>
      </c>
      <c r="I130" s="8">
        <v>944</v>
      </c>
      <c r="J130" s="8">
        <v>887</v>
      </c>
      <c r="K130" s="8">
        <v>891</v>
      </c>
      <c r="L130" s="8">
        <v>856</v>
      </c>
      <c r="M130" s="8">
        <v>819</v>
      </c>
      <c r="N130" s="21">
        <v>808</v>
      </c>
      <c r="O130" s="21">
        <v>802</v>
      </c>
      <c r="P130" s="21">
        <v>783</v>
      </c>
      <c r="Q130" s="21">
        <v>738</v>
      </c>
    </row>
    <row r="131" spans="1:17" ht="21.75" customHeight="1" x14ac:dyDescent="0.2">
      <c r="A131" s="6" t="s">
        <v>69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969</v>
      </c>
      <c r="H131" s="8">
        <v>1066</v>
      </c>
      <c r="I131" s="8">
        <v>1116</v>
      </c>
      <c r="J131" s="8">
        <v>1119</v>
      </c>
      <c r="K131" s="8">
        <v>1086</v>
      </c>
      <c r="L131" s="8">
        <v>1052</v>
      </c>
      <c r="M131" s="8">
        <v>1026</v>
      </c>
      <c r="N131" s="21">
        <v>960</v>
      </c>
      <c r="O131" s="21">
        <v>909</v>
      </c>
      <c r="P131" s="21">
        <v>905</v>
      </c>
      <c r="Q131" s="21">
        <v>857</v>
      </c>
    </row>
    <row r="132" spans="1:17" ht="21.75" customHeight="1" x14ac:dyDescent="0.2">
      <c r="A132" s="6" t="s">
        <v>70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992</v>
      </c>
      <c r="H132" s="8">
        <v>1021</v>
      </c>
      <c r="I132" s="8">
        <v>1080</v>
      </c>
      <c r="J132" s="8">
        <v>1096</v>
      </c>
      <c r="K132" s="8">
        <v>1079</v>
      </c>
      <c r="L132" s="8">
        <v>1117</v>
      </c>
      <c r="M132" s="8">
        <v>1084</v>
      </c>
      <c r="N132" s="21">
        <v>1094</v>
      </c>
      <c r="O132" s="21">
        <v>1090</v>
      </c>
      <c r="P132" s="21">
        <v>1060</v>
      </c>
      <c r="Q132" s="21">
        <v>1046</v>
      </c>
    </row>
    <row r="133" spans="1:17" ht="21.75" customHeight="1" x14ac:dyDescent="0.2">
      <c r="A133" s="9" t="s">
        <v>71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949</v>
      </c>
      <c r="H133" s="11">
        <v>1021</v>
      </c>
      <c r="I133" s="11">
        <v>1013</v>
      </c>
      <c r="J133" s="11">
        <v>1008</v>
      </c>
      <c r="K133" s="11">
        <v>1022</v>
      </c>
      <c r="L133" s="11">
        <v>1041</v>
      </c>
      <c r="M133" s="11">
        <v>1074</v>
      </c>
      <c r="N133" s="22">
        <v>1045</v>
      </c>
      <c r="O133" s="22">
        <v>1057</v>
      </c>
      <c r="P133" s="22">
        <v>1071</v>
      </c>
      <c r="Q133" s="22">
        <v>1090</v>
      </c>
    </row>
    <row r="134" spans="1:17" ht="21.75" customHeight="1" x14ac:dyDescent="0.2">
      <c r="A134" s="9" t="s">
        <v>72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953</v>
      </c>
      <c r="H134" s="11">
        <v>926</v>
      </c>
      <c r="I134" s="11">
        <v>958</v>
      </c>
      <c r="J134" s="11">
        <v>962</v>
      </c>
      <c r="K134" s="11">
        <v>988</v>
      </c>
      <c r="L134" s="11">
        <v>1023</v>
      </c>
      <c r="M134" s="11">
        <v>1012</v>
      </c>
      <c r="N134" s="22">
        <v>995</v>
      </c>
      <c r="O134" s="22">
        <v>995</v>
      </c>
      <c r="P134" s="22">
        <v>995</v>
      </c>
      <c r="Q134" s="22">
        <v>966</v>
      </c>
    </row>
    <row r="135" spans="1:17" ht="21.75" customHeight="1" x14ac:dyDescent="0.2">
      <c r="A135" s="9" t="s">
        <v>73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069</v>
      </c>
      <c r="H135" s="11">
        <v>1081</v>
      </c>
      <c r="I135" s="11">
        <v>955</v>
      </c>
      <c r="J135" s="11">
        <v>952</v>
      </c>
      <c r="K135" s="11">
        <v>940</v>
      </c>
      <c r="L135" s="11">
        <v>967</v>
      </c>
      <c r="M135" s="11">
        <v>994</v>
      </c>
      <c r="N135" s="22">
        <v>1009</v>
      </c>
      <c r="O135" s="22">
        <v>970</v>
      </c>
      <c r="P135" s="22">
        <v>990</v>
      </c>
      <c r="Q135" s="22">
        <v>1006</v>
      </c>
    </row>
    <row r="136" spans="1:17" ht="21.75" customHeight="1" x14ac:dyDescent="0.2">
      <c r="A136" s="9" t="s">
        <v>74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400</v>
      </c>
      <c r="H136" s="11">
        <v>1481</v>
      </c>
      <c r="I136" s="11">
        <v>1244</v>
      </c>
      <c r="J136" s="11">
        <v>1219</v>
      </c>
      <c r="K136" s="11">
        <v>1198</v>
      </c>
      <c r="L136" s="11">
        <v>1171</v>
      </c>
      <c r="M136" s="11">
        <v>1104</v>
      </c>
      <c r="N136" s="22">
        <v>1039</v>
      </c>
      <c r="O136" s="22">
        <v>989</v>
      </c>
      <c r="P136" s="22">
        <v>957</v>
      </c>
      <c r="Q136" s="22">
        <v>970</v>
      </c>
    </row>
    <row r="137" spans="1:17" ht="21.75" customHeight="1" x14ac:dyDescent="0.2">
      <c r="A137" s="9" t="s">
        <v>75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1230</v>
      </c>
      <c r="H137" s="11">
        <v>1707</v>
      </c>
      <c r="I137" s="11">
        <v>1566</v>
      </c>
      <c r="J137" s="11">
        <v>1478</v>
      </c>
      <c r="K137" s="11">
        <v>1404</v>
      </c>
      <c r="L137" s="11">
        <v>1354</v>
      </c>
      <c r="M137" s="11">
        <v>1312</v>
      </c>
      <c r="N137" s="22">
        <v>1272</v>
      </c>
      <c r="O137" s="22">
        <v>1260</v>
      </c>
      <c r="P137" s="22">
        <v>1233</v>
      </c>
      <c r="Q137" s="22">
        <v>1169</v>
      </c>
    </row>
    <row r="138" spans="1:17" ht="21.75" customHeight="1" x14ac:dyDescent="0.2">
      <c r="A138" s="9" t="s">
        <v>76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1226</v>
      </c>
      <c r="H138" s="11">
        <v>1343</v>
      </c>
      <c r="I138" s="11">
        <v>1749</v>
      </c>
      <c r="J138" s="11">
        <v>1775</v>
      </c>
      <c r="K138" s="11">
        <v>1745</v>
      </c>
      <c r="L138" s="11">
        <v>1675</v>
      </c>
      <c r="M138" s="11">
        <v>1608</v>
      </c>
      <c r="N138" s="22">
        <v>1539</v>
      </c>
      <c r="O138" s="22">
        <v>1466</v>
      </c>
      <c r="P138" s="22">
        <v>1382</v>
      </c>
      <c r="Q138" s="22">
        <v>1319</v>
      </c>
    </row>
    <row r="139" spans="1:17" ht="21.75" customHeight="1" x14ac:dyDescent="0.2">
      <c r="A139" s="9" t="s">
        <v>77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1100</v>
      </c>
      <c r="H139" s="11">
        <v>1314</v>
      </c>
      <c r="I139" s="11">
        <v>1363</v>
      </c>
      <c r="J139" s="11">
        <v>1487</v>
      </c>
      <c r="K139" s="11">
        <v>1575</v>
      </c>
      <c r="L139" s="11">
        <v>1639</v>
      </c>
      <c r="M139" s="11">
        <v>1696</v>
      </c>
      <c r="N139" s="22">
        <v>1742</v>
      </c>
      <c r="O139" s="22">
        <v>1751</v>
      </c>
      <c r="P139" s="22">
        <v>1739</v>
      </c>
      <c r="Q139" s="22">
        <v>1670</v>
      </c>
    </row>
    <row r="140" spans="1:17" ht="21.75" customHeight="1" x14ac:dyDescent="0.2">
      <c r="A140" s="9" t="s">
        <v>78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298</v>
      </c>
      <c r="H140" s="11">
        <v>1144</v>
      </c>
      <c r="I140" s="11">
        <v>1301</v>
      </c>
      <c r="J140" s="11">
        <v>1249</v>
      </c>
      <c r="K140" s="11">
        <v>1293</v>
      </c>
      <c r="L140" s="11">
        <v>1317</v>
      </c>
      <c r="M140" s="11">
        <v>1373</v>
      </c>
      <c r="N140" s="22">
        <v>1361</v>
      </c>
      <c r="O140" s="22">
        <v>1485</v>
      </c>
      <c r="P140" s="22">
        <v>1556</v>
      </c>
      <c r="Q140" s="22">
        <v>1608</v>
      </c>
    </row>
    <row r="141" spans="1:17" ht="21.75" customHeight="1" x14ac:dyDescent="0.2">
      <c r="A141" s="9" t="s">
        <v>79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424</v>
      </c>
      <c r="H141" s="11">
        <v>1335</v>
      </c>
      <c r="I141" s="11">
        <v>1148</v>
      </c>
      <c r="J141" s="11">
        <v>1164</v>
      </c>
      <c r="K141" s="11">
        <v>1173</v>
      </c>
      <c r="L141" s="11">
        <v>1226</v>
      </c>
      <c r="M141" s="11">
        <v>1252</v>
      </c>
      <c r="N141" s="22">
        <v>1302</v>
      </c>
      <c r="O141" s="22">
        <v>1229</v>
      </c>
      <c r="P141" s="22">
        <v>1265</v>
      </c>
      <c r="Q141" s="22">
        <v>1294</v>
      </c>
    </row>
    <row r="142" spans="1:17" ht="21.75" customHeight="1" x14ac:dyDescent="0.2">
      <c r="A142" s="9" t="s">
        <v>80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058</v>
      </c>
      <c r="H142" s="11">
        <v>1477</v>
      </c>
      <c r="I142" s="11">
        <v>1351</v>
      </c>
      <c r="J142" s="11">
        <v>1299</v>
      </c>
      <c r="K142" s="11">
        <v>1246</v>
      </c>
      <c r="L142" s="11">
        <v>1196</v>
      </c>
      <c r="M142" s="11">
        <v>1172</v>
      </c>
      <c r="N142" s="22">
        <v>1147</v>
      </c>
      <c r="O142" s="22">
        <v>1164</v>
      </c>
      <c r="P142" s="22">
        <v>1173</v>
      </c>
      <c r="Q142" s="22">
        <v>1221</v>
      </c>
    </row>
    <row r="143" spans="1:17" ht="21.75" customHeight="1" x14ac:dyDescent="0.2">
      <c r="A143" s="12" t="s">
        <v>81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901</v>
      </c>
      <c r="H143" s="14">
        <v>1062</v>
      </c>
      <c r="I143" s="14">
        <v>1460</v>
      </c>
      <c r="J143" s="14">
        <v>1570</v>
      </c>
      <c r="K143" s="14">
        <v>1478</v>
      </c>
      <c r="L143" s="14">
        <v>1426</v>
      </c>
      <c r="M143" s="14">
        <v>1357</v>
      </c>
      <c r="N143" s="23">
        <v>1327</v>
      </c>
      <c r="O143" s="23">
        <v>1281</v>
      </c>
      <c r="P143" s="23">
        <v>1236</v>
      </c>
      <c r="Q143" s="23">
        <v>1192</v>
      </c>
    </row>
    <row r="144" spans="1:17" ht="21.75" customHeight="1" x14ac:dyDescent="0.2">
      <c r="A144" s="12" t="s">
        <v>82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014</v>
      </c>
      <c r="H144" s="14">
        <v>888</v>
      </c>
      <c r="I144" s="14">
        <v>1033</v>
      </c>
      <c r="J144" s="14">
        <v>974</v>
      </c>
      <c r="K144" s="14">
        <v>1107</v>
      </c>
      <c r="L144" s="14">
        <v>1202</v>
      </c>
      <c r="M144" s="14">
        <v>1279</v>
      </c>
      <c r="N144" s="23">
        <v>1416</v>
      </c>
      <c r="O144" s="23">
        <v>1539</v>
      </c>
      <c r="P144" s="23">
        <v>1452</v>
      </c>
      <c r="Q144" s="23">
        <v>1393</v>
      </c>
    </row>
    <row r="145" spans="1:17" ht="21.75" customHeight="1" x14ac:dyDescent="0.2">
      <c r="A145" s="12" t="s">
        <v>83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837</v>
      </c>
      <c r="H145" s="14">
        <v>963</v>
      </c>
      <c r="I145" s="14">
        <v>850</v>
      </c>
      <c r="J145" s="14">
        <v>879</v>
      </c>
      <c r="K145" s="14">
        <v>923</v>
      </c>
      <c r="L145" s="14">
        <v>974</v>
      </c>
      <c r="M145" s="14">
        <v>1034</v>
      </c>
      <c r="N145" s="23">
        <v>995</v>
      </c>
      <c r="O145" s="23">
        <v>930</v>
      </c>
      <c r="P145" s="23">
        <v>1055</v>
      </c>
      <c r="Q145" s="23">
        <v>1139</v>
      </c>
    </row>
    <row r="146" spans="1:17" ht="21.75" customHeight="1" x14ac:dyDescent="0.2">
      <c r="A146" s="12" t="s">
        <v>84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604</v>
      </c>
      <c r="H146" s="14">
        <v>742</v>
      </c>
      <c r="I146" s="14">
        <v>862</v>
      </c>
      <c r="J146" s="14">
        <v>855</v>
      </c>
      <c r="K146" s="14">
        <v>827</v>
      </c>
      <c r="L146" s="14">
        <v>787</v>
      </c>
      <c r="M146" s="14">
        <v>776</v>
      </c>
      <c r="N146" s="23">
        <v>777</v>
      </c>
      <c r="O146" s="23">
        <v>785</v>
      </c>
      <c r="P146" s="23">
        <v>820</v>
      </c>
      <c r="Q146" s="23">
        <v>893</v>
      </c>
    </row>
    <row r="147" spans="1:17" ht="21.75" customHeight="1" x14ac:dyDescent="0.2">
      <c r="A147" s="12" t="s">
        <v>85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404</v>
      </c>
      <c r="H147" s="14">
        <v>475</v>
      </c>
      <c r="I147" s="14">
        <v>601</v>
      </c>
      <c r="J147" s="14">
        <v>620</v>
      </c>
      <c r="K147" s="14">
        <v>655</v>
      </c>
      <c r="L147" s="14">
        <v>688</v>
      </c>
      <c r="M147" s="14">
        <v>703</v>
      </c>
      <c r="N147" s="23">
        <v>715</v>
      </c>
      <c r="O147" s="23">
        <v>724</v>
      </c>
      <c r="P147" s="23">
        <v>689</v>
      </c>
      <c r="Q147" s="23">
        <v>622</v>
      </c>
    </row>
    <row r="148" spans="1:17" ht="21.75" customHeight="1" x14ac:dyDescent="0.2">
      <c r="A148" s="12" t="s">
        <v>86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202</v>
      </c>
      <c r="H148" s="14">
        <v>230</v>
      </c>
      <c r="I148" s="14">
        <v>323</v>
      </c>
      <c r="J148" s="14">
        <v>320</v>
      </c>
      <c r="K148" s="14">
        <v>337</v>
      </c>
      <c r="L148" s="14">
        <v>359</v>
      </c>
      <c r="M148" s="14">
        <v>382</v>
      </c>
      <c r="N148" s="23">
        <v>402</v>
      </c>
      <c r="O148" s="23">
        <v>425</v>
      </c>
      <c r="P148" s="23">
        <v>445</v>
      </c>
      <c r="Q148" s="23">
        <v>466</v>
      </c>
    </row>
    <row r="149" spans="1:17" ht="21.75" customHeight="1" x14ac:dyDescent="0.2">
      <c r="A149" s="12" t="s">
        <v>87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57</v>
      </c>
      <c r="H149" s="14">
        <v>79</v>
      </c>
      <c r="I149" s="14">
        <v>91</v>
      </c>
      <c r="J149" s="14">
        <v>111</v>
      </c>
      <c r="K149" s="14">
        <v>115</v>
      </c>
      <c r="L149" s="14">
        <v>117</v>
      </c>
      <c r="M149" s="14">
        <v>115</v>
      </c>
      <c r="N149" s="23">
        <v>137</v>
      </c>
      <c r="O149" s="23">
        <v>146</v>
      </c>
      <c r="P149" s="23">
        <v>145</v>
      </c>
      <c r="Q149" s="23">
        <v>144</v>
      </c>
    </row>
    <row r="150" spans="1:17" ht="21.75" customHeight="1" x14ac:dyDescent="0.2">
      <c r="A150" s="12" t="s">
        <v>88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2</v>
      </c>
      <c r="H150" s="14">
        <v>17</v>
      </c>
      <c r="I150" s="14">
        <v>16</v>
      </c>
      <c r="J150" s="14">
        <v>16</v>
      </c>
      <c r="K150" s="14">
        <v>12</v>
      </c>
      <c r="L150" s="14">
        <v>14</v>
      </c>
      <c r="M150" s="14">
        <v>23</v>
      </c>
      <c r="N150" s="23">
        <v>18</v>
      </c>
      <c r="O150" s="23">
        <v>24</v>
      </c>
      <c r="P150" s="23">
        <v>29</v>
      </c>
      <c r="Q150" s="23">
        <v>24</v>
      </c>
    </row>
    <row r="151" spans="1:17" ht="21.75" customHeight="1" x14ac:dyDescent="0.2">
      <c r="A151" s="15" t="s">
        <v>96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8555</v>
      </c>
      <c r="H151" s="17">
        <f t="shared" ref="H151:N151" si="18">SUM(H130:H150)</f>
        <v>20440</v>
      </c>
      <c r="I151" s="17">
        <f t="shared" si="18"/>
        <v>21024</v>
      </c>
      <c r="J151" s="17">
        <f t="shared" si="18"/>
        <v>21040</v>
      </c>
      <c r="K151" s="17">
        <f t="shared" si="18"/>
        <v>21094</v>
      </c>
      <c r="L151" s="17">
        <f t="shared" si="18"/>
        <v>21201</v>
      </c>
      <c r="M151" s="17">
        <f t="shared" si="18"/>
        <v>21195</v>
      </c>
      <c r="N151" s="17">
        <f t="shared" si="18"/>
        <v>21100</v>
      </c>
      <c r="O151" s="17">
        <f>SUM(O130:O150)</f>
        <v>21021</v>
      </c>
      <c r="P151" s="17">
        <f>SUM(P130:P150)</f>
        <v>20980</v>
      </c>
      <c r="Q151" s="17">
        <f>SUM(Q130:Q150)</f>
        <v>20827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  <c r="M152" s="55"/>
      <c r="N152" s="55"/>
      <c r="O152" s="55"/>
      <c r="P152" s="3"/>
      <c r="Q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90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2827</v>
      </c>
      <c r="H156" s="8">
        <f t="shared" si="19"/>
        <v>3155</v>
      </c>
      <c r="I156" s="8">
        <f t="shared" si="19"/>
        <v>3140</v>
      </c>
      <c r="J156" s="8">
        <f t="shared" si="19"/>
        <v>3102</v>
      </c>
      <c r="K156" s="8">
        <f t="shared" si="19"/>
        <v>3056</v>
      </c>
      <c r="L156" s="8">
        <f t="shared" si="19"/>
        <v>3025</v>
      </c>
      <c r="M156" s="8">
        <f t="shared" si="19"/>
        <v>2929</v>
      </c>
      <c r="N156" s="8">
        <f t="shared" si="19"/>
        <v>2862</v>
      </c>
      <c r="O156" s="8">
        <f t="shared" si="19"/>
        <v>2801</v>
      </c>
      <c r="P156" s="8">
        <f t="shared" si="19"/>
        <v>2748</v>
      </c>
      <c r="Q156" s="8">
        <v>2641</v>
      </c>
    </row>
    <row r="157" spans="1:17" ht="21.75" customHeight="1" x14ac:dyDescent="0.2">
      <c r="A157" s="9" t="s">
        <v>91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1707</v>
      </c>
      <c r="H157" s="11">
        <f t="shared" si="20"/>
        <v>12829</v>
      </c>
      <c r="I157" s="11">
        <f t="shared" si="20"/>
        <v>12648</v>
      </c>
      <c r="J157" s="11">
        <f t="shared" si="20"/>
        <v>12593</v>
      </c>
      <c r="K157" s="11">
        <f t="shared" si="20"/>
        <v>12584</v>
      </c>
      <c r="L157" s="11">
        <f t="shared" si="20"/>
        <v>12609</v>
      </c>
      <c r="M157" s="11">
        <f t="shared" si="20"/>
        <v>12597</v>
      </c>
      <c r="N157" s="11">
        <f t="shared" si="20"/>
        <v>12451</v>
      </c>
      <c r="O157" s="11">
        <f t="shared" si="20"/>
        <v>12366</v>
      </c>
      <c r="P157" s="11">
        <f t="shared" si="20"/>
        <v>12361</v>
      </c>
      <c r="Q157" s="11">
        <v>12313</v>
      </c>
    </row>
    <row r="158" spans="1:17" ht="21.75" customHeight="1" x14ac:dyDescent="0.2">
      <c r="A158" s="12" t="s">
        <v>92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4021</v>
      </c>
      <c r="H158" s="14">
        <f t="shared" si="21"/>
        <v>4456</v>
      </c>
      <c r="I158" s="14">
        <f t="shared" si="21"/>
        <v>5236</v>
      </c>
      <c r="J158" s="14">
        <f t="shared" si="21"/>
        <v>5345</v>
      </c>
      <c r="K158" s="14">
        <f t="shared" si="21"/>
        <v>5454</v>
      </c>
      <c r="L158" s="14">
        <f t="shared" si="21"/>
        <v>5567</v>
      </c>
      <c r="M158" s="14">
        <f t="shared" si="21"/>
        <v>5669</v>
      </c>
      <c r="N158" s="14">
        <f t="shared" si="21"/>
        <v>5787</v>
      </c>
      <c r="O158" s="14">
        <f t="shared" si="21"/>
        <v>5854</v>
      </c>
      <c r="P158" s="14">
        <f t="shared" si="21"/>
        <v>5871</v>
      </c>
      <c r="Q158" s="14">
        <v>5873</v>
      </c>
    </row>
    <row r="159" spans="1:17" ht="21.75" customHeight="1" x14ac:dyDescent="0.2">
      <c r="A159" s="15" t="s">
        <v>93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8555</v>
      </c>
      <c r="H159" s="17">
        <f t="shared" ref="H159:N159" si="22">SUM(H156:H158)</f>
        <v>20440</v>
      </c>
      <c r="I159" s="17">
        <f t="shared" si="22"/>
        <v>21024</v>
      </c>
      <c r="J159" s="17">
        <f t="shared" si="22"/>
        <v>21040</v>
      </c>
      <c r="K159" s="17">
        <f t="shared" si="22"/>
        <v>21094</v>
      </c>
      <c r="L159" s="17">
        <f t="shared" si="22"/>
        <v>21201</v>
      </c>
      <c r="M159" s="17">
        <f t="shared" si="22"/>
        <v>21195</v>
      </c>
      <c r="N159" s="17">
        <f t="shared" si="22"/>
        <v>21100</v>
      </c>
      <c r="O159" s="17">
        <f>SUM(O156:O158)</f>
        <v>21021</v>
      </c>
      <c r="P159" s="17">
        <f>SUM(P156:P158)</f>
        <v>20980</v>
      </c>
      <c r="Q159" s="17">
        <f>SUM(Q156:Q158)</f>
        <v>20827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6" si="23">ROUND(G156/G$159*100,1)</f>
        <v>15.2</v>
      </c>
      <c r="H164" s="49">
        <f t="shared" si="23"/>
        <v>15.4</v>
      </c>
      <c r="I164" s="49">
        <f t="shared" si="23"/>
        <v>14.9</v>
      </c>
      <c r="J164" s="49">
        <f t="shared" si="23"/>
        <v>14.7</v>
      </c>
      <c r="K164" s="49">
        <f t="shared" si="23"/>
        <v>14.5</v>
      </c>
      <c r="L164" s="49">
        <f t="shared" si="23"/>
        <v>14.3</v>
      </c>
      <c r="M164" s="49">
        <f t="shared" si="23"/>
        <v>13.8</v>
      </c>
      <c r="N164" s="49">
        <f t="shared" si="23"/>
        <v>13.6</v>
      </c>
      <c r="O164" s="49">
        <f t="shared" si="23"/>
        <v>13.3</v>
      </c>
      <c r="P164" s="49">
        <f t="shared" si="23"/>
        <v>13.1</v>
      </c>
      <c r="Q164" s="49">
        <f t="shared" si="23"/>
        <v>12.7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si="23"/>
        <v>63.1</v>
      </c>
      <c r="H165" s="50">
        <f t="shared" si="23"/>
        <v>62.8</v>
      </c>
      <c r="I165" s="50">
        <f t="shared" si="23"/>
        <v>60.2</v>
      </c>
      <c r="J165" s="50">
        <f t="shared" si="23"/>
        <v>59.9</v>
      </c>
      <c r="K165" s="50">
        <f t="shared" si="23"/>
        <v>59.7</v>
      </c>
      <c r="L165" s="50">
        <f t="shared" si="23"/>
        <v>59.5</v>
      </c>
      <c r="M165" s="50">
        <f t="shared" si="23"/>
        <v>59.4</v>
      </c>
      <c r="N165" s="50">
        <f t="shared" si="23"/>
        <v>59</v>
      </c>
      <c r="O165" s="50">
        <f t="shared" si="23"/>
        <v>58.8</v>
      </c>
      <c r="P165" s="50">
        <f t="shared" si="23"/>
        <v>58.9</v>
      </c>
      <c r="Q165" s="50">
        <f t="shared" si="23"/>
        <v>59.1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si="23"/>
        <v>21.7</v>
      </c>
      <c r="H166" s="51">
        <f t="shared" si="23"/>
        <v>21.8</v>
      </c>
      <c r="I166" s="51">
        <f t="shared" si="23"/>
        <v>24.9</v>
      </c>
      <c r="J166" s="51">
        <f t="shared" si="23"/>
        <v>25.4</v>
      </c>
      <c r="K166" s="51">
        <f t="shared" si="23"/>
        <v>25.9</v>
      </c>
      <c r="L166" s="51">
        <f t="shared" si="23"/>
        <v>26.3</v>
      </c>
      <c r="M166" s="51">
        <f t="shared" si="23"/>
        <v>26.7</v>
      </c>
      <c r="N166" s="51">
        <f t="shared" si="23"/>
        <v>27.4</v>
      </c>
      <c r="O166" s="51">
        <f t="shared" si="23"/>
        <v>27.8</v>
      </c>
      <c r="P166" s="51">
        <f t="shared" si="23"/>
        <v>28</v>
      </c>
      <c r="Q166" s="51">
        <f t="shared" si="23"/>
        <v>28.2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2" manualBreakCount="2">
    <brk id="80" max="15" man="1"/>
    <brk id="167" max="1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9</vt:i4>
      </vt:variant>
    </vt:vector>
  </HeadingPairs>
  <TitlesOfParts>
    <vt:vector size="18" baseType="lpstr">
      <vt:lpstr>０４０１速星</vt:lpstr>
      <vt:lpstr>０４０２鵜坂</vt:lpstr>
      <vt:lpstr>０４０３朝日</vt:lpstr>
      <vt:lpstr>０４０４宮川</vt:lpstr>
      <vt:lpstr>０４０５婦中熊野</vt:lpstr>
      <vt:lpstr>０４０６古里</vt:lpstr>
      <vt:lpstr>０４０７音川</vt:lpstr>
      <vt:lpstr>０４０８神保</vt:lpstr>
      <vt:lpstr>婦中地域計</vt:lpstr>
      <vt:lpstr>'０４０１速星'!Print_Area</vt:lpstr>
      <vt:lpstr>'０４０２鵜坂'!Print_Area</vt:lpstr>
      <vt:lpstr>'０４０３朝日'!Print_Area</vt:lpstr>
      <vt:lpstr>'０４０４宮川'!Print_Area</vt:lpstr>
      <vt:lpstr>'０４０５婦中熊野'!Print_Area</vt:lpstr>
      <vt:lpstr>'０４０６古里'!Print_Area</vt:lpstr>
      <vt:lpstr>'０４０７音川'!Print_Area</vt:lpstr>
      <vt:lpstr>'０４０８神保'!Print_Area</vt:lpstr>
      <vt:lpstr>婦中地域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26:59Z</dcterms:created>
  <dcterms:modified xsi:type="dcterms:W3CDTF">2023-11-07T00:27:20Z</dcterms:modified>
</cp:coreProperties>
</file>